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したものからこちらに格納してください\地域密着型サービス・居宅介護支援\"/>
    </mc:Choice>
  </mc:AlternateContent>
  <bookViews>
    <workbookView xWindow="0" yWindow="0" windowWidth="28800" windowHeight="11400"/>
  </bookViews>
  <sheets>
    <sheet name="添付書類一覧（看護小規模多機能型居宅介護）" sheetId="5" r:id="rId1"/>
    <sheet name="別紙5-2" sheetId="15" r:id="rId2"/>
    <sheet name="別紙７-a" sheetId="12" r:id="rId3"/>
    <sheet name="別紙14－5" sheetId="23" r:id="rId4"/>
    <sheet name="別紙16" sheetId="19" r:id="rId5"/>
    <sheet name="別紙17" sheetId="21" r:id="rId6"/>
    <sheet name="別紙18" sheetId="22" r:id="rId7"/>
    <sheet name="別紙28" sheetId="13" r:id="rId8"/>
    <sheet name="別紙28-2" sheetId="14" r:id="rId9"/>
    <sheet name="別紙41" sheetId="24" r:id="rId10"/>
    <sheet name="別紙42" sheetId="16" r:id="rId11"/>
    <sheet name="別紙44" sheetId="11" r:id="rId12"/>
    <sheet name="別紙45" sheetId="20" r:id="rId13"/>
    <sheet name="別紙49" sheetId="18" r:id="rId14"/>
  </sheets>
  <externalReferences>
    <externalReference r:id="rId15"/>
    <externalReference r:id="rId16"/>
    <externalReference r:id="rId17"/>
  </externalReferences>
  <definedNames>
    <definedName name="ｋ">#N/A</definedName>
    <definedName name="_xlnm.Print_Area" localSheetId="3">'別紙14－5'!$A$1:$AD$60</definedName>
    <definedName name="_xlnm.Print_Area" localSheetId="4">別紙16!$A$1:$Z$115</definedName>
    <definedName name="_xlnm.Print_Area" localSheetId="5">別紙17!$A$1:$Z$45</definedName>
    <definedName name="_xlnm.Print_Area" localSheetId="6">別紙18!$A$1:$Z$30</definedName>
    <definedName name="_xlnm.Print_Area" localSheetId="7">別紙28!$A$1:$AB$74</definedName>
    <definedName name="_xlnm.Print_Area" localSheetId="9">別紙41!$A$1:$AC$37</definedName>
    <definedName name="_xlnm.Print_Area" localSheetId="10">別紙42!$A$1:$Y$60</definedName>
    <definedName name="_xlnm.Print_Area" localSheetId="11">別紙44!$A$1:$AD$53</definedName>
    <definedName name="_xlnm.Print_Area" localSheetId="12">別紙45!$A$1:$AC$34</definedName>
    <definedName name="_xlnm.Print_Area" localSheetId="13">別紙49!$A$1:$AC$54</definedName>
    <definedName name="_xlnm.Print_Area" localSheetId="1">'別紙5-2'!$A$1:$AF$57</definedName>
    <definedName name="_xlnm.Print_Area" localSheetId="2">'別紙７-a'!$A$1:$AI$63</definedName>
    <definedName name="_xlnm.Print_Titles" localSheetId="0">'添付書類一覧（看護小規模多機能型居宅介護）'!$1:$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 name="数">#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61" uniqueCount="625">
  <si>
    <t>□</t>
  </si>
  <si>
    <t>小規模多機能型居宅介護</t>
    <rPh sb="0" eb="3">
      <t>ショウキボ</t>
    </rPh>
    <rPh sb="3" eb="6">
      <t>タキノウ</t>
    </rPh>
    <rPh sb="6" eb="7">
      <t>ガタ</t>
    </rPh>
    <rPh sb="7" eb="9">
      <t>キョタク</t>
    </rPh>
    <rPh sb="9" eb="11">
      <t>カイゴ</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t>認知症対応型共同生活介護</t>
    <rPh sb="0" eb="3">
      <t>ニンチショウ</t>
    </rPh>
    <rPh sb="3" eb="6">
      <t>タイオウガタ</t>
    </rPh>
    <rPh sb="6" eb="8">
      <t>キョウドウ</t>
    </rPh>
    <rPh sb="8" eb="10">
      <t>セイカツ</t>
    </rPh>
    <rPh sb="10" eb="12">
      <t>カイゴ</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月</t>
    <rPh sb="0" eb="1">
      <t>ゲツ</t>
    </rPh>
    <phoneticPr fontId="3"/>
  </si>
  <si>
    <t>年</t>
    <rPh sb="0" eb="1">
      <t>ネン</t>
    </rPh>
    <phoneticPr fontId="3"/>
  </si>
  <si>
    <t>令和</t>
    <rPh sb="0" eb="2">
      <t>レイワ</t>
    </rPh>
    <phoneticPr fontId="3"/>
  </si>
  <si>
    <t>内容</t>
    <rPh sb="0" eb="2">
      <t>ナイヨウ</t>
    </rPh>
    <phoneticPr fontId="3"/>
  </si>
  <si>
    <t>添付書類</t>
    <rPh sb="0" eb="2">
      <t>テンプ</t>
    </rPh>
    <rPh sb="2" eb="4">
      <t>ショルイ</t>
    </rPh>
    <phoneticPr fontId="3"/>
  </si>
  <si>
    <t>備考</t>
    <rPh sb="0" eb="2">
      <t>ビコウ</t>
    </rPh>
    <phoneticPr fontId="3"/>
  </si>
  <si>
    <t>高齢者虐待防止措置実施の有無</t>
  </si>
  <si>
    <t>事 業 所 名</t>
  </si>
  <si>
    <t>異動等区分</t>
    <phoneticPr fontId="3"/>
  </si>
  <si>
    <t>1　新規</t>
    <phoneticPr fontId="3"/>
  </si>
  <si>
    <t>2　変更</t>
    <phoneticPr fontId="3"/>
  </si>
  <si>
    <t>3　終了</t>
    <phoneticPr fontId="3"/>
  </si>
  <si>
    <t>有</t>
    <rPh sb="0" eb="1">
      <t>ア</t>
    </rPh>
    <phoneticPr fontId="3"/>
  </si>
  <si>
    <t>無</t>
    <rPh sb="0" eb="1">
      <t>ナ</t>
    </rPh>
    <phoneticPr fontId="3"/>
  </si>
  <si>
    <t>・</t>
    <phoneticPr fontId="3"/>
  </si>
  <si>
    <t>　　速やかに提出すること。</t>
    <rPh sb="2" eb="3">
      <t>スミ</t>
    </rPh>
    <rPh sb="6" eb="8">
      <t>テイシュツ</t>
    </rPh>
    <phoneticPr fontId="3"/>
  </si>
  <si>
    <t>月</t>
    <rPh sb="0" eb="1">
      <t>ガツ</t>
    </rPh>
    <phoneticPr fontId="3"/>
  </si>
  <si>
    <t>日</t>
    <rPh sb="0" eb="1">
      <t>ニチ</t>
    </rPh>
    <phoneticPr fontId="3"/>
  </si>
  <si>
    <t>事 業 所 名</t>
    <phoneticPr fontId="3"/>
  </si>
  <si>
    <t>届 出 項 目</t>
    <phoneticPr fontId="3"/>
  </si>
  <si>
    <t>人</t>
    <rPh sb="0" eb="1">
      <t>ヒト</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３以上</t>
    <rPh sb="1" eb="3">
      <t>イジョウ</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５以上</t>
    <rPh sb="1" eb="3">
      <t>イジョウ</t>
    </rPh>
    <phoneticPr fontId="3"/>
  </si>
  <si>
    <t>60以上70未満</t>
    <rPh sb="2" eb="4">
      <t>イジョウ</t>
    </rPh>
    <rPh sb="6" eb="8">
      <t>ミマン</t>
    </rPh>
    <phoneticPr fontId="3"/>
  </si>
  <si>
    <t>６以上</t>
    <rPh sb="1" eb="3">
      <t>イジョウ</t>
    </rPh>
    <phoneticPr fontId="3"/>
  </si>
  <si>
    <t>従業者の勤務の体制及び勤務形態一覧表　（　　　　年　　　月分）</t>
    <phoneticPr fontId="3"/>
  </si>
  <si>
    <t>サービス種類（　　　　　　　　　　　　　　　　　　　　　）</t>
    <phoneticPr fontId="3"/>
  </si>
  <si>
    <t>「人員配置区分―　　型」又は「該当する体制等―　　　　　」</t>
    <phoneticPr fontId="3"/>
  </si>
  <si>
    <t>第1週</t>
  </si>
  <si>
    <t>第2週</t>
  </si>
  <si>
    <t>第3週</t>
  </si>
  <si>
    <t>第4週</t>
  </si>
  <si>
    <t>週平均　　　　　　　　　の勤務　　　　　　　　　　　　　時間</t>
    <phoneticPr fontId="3"/>
  </si>
  <si>
    <t>常勤換　　　　　　　　　算後の　　　　　　　　　　　　人数　</t>
    <rPh sb="27" eb="29">
      <t>ニンズウ</t>
    </rPh>
    <phoneticPr fontId="3"/>
  </si>
  <si>
    <t>＊</t>
  </si>
  <si>
    <t>①</t>
  </si>
  <si>
    <t>③</t>
  </si>
  <si>
    <t>②</t>
  </si>
  <si>
    <t>④</t>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看護師：准看護師 （夜間）</t>
    <rPh sb="2" eb="3">
      <t>シ</t>
    </rPh>
    <rPh sb="7" eb="8">
      <t>シ</t>
    </rPh>
    <rPh sb="10" eb="12">
      <t>ヤカン</t>
    </rPh>
    <phoneticPr fontId="3"/>
  </si>
  <si>
    <t>　　　　（記載例2―サービス提供時間 a 9：00～12：00、b 13：00～16：00、c 10：30～13：30、d 14：30～17：30、e 休日）</t>
    <phoneticPr fontId="3"/>
  </si>
  <si>
    <t>　　　　　※複数単位実施の場合、その全てを記入のこと。</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勤務形態、氏名、当該業務の勤務時間及び看護職員と介護職員の配置状況(関係する場合)が確認できる場合はその書類をもって添付書類として</t>
    <phoneticPr fontId="3"/>
  </si>
  <si>
    <t>　2　適用開始年月日</t>
    <rPh sb="3" eb="5">
      <t>テキヨウ</t>
    </rPh>
    <rPh sb="5" eb="7">
      <t>カイシ</t>
    </rPh>
    <rPh sb="7" eb="10">
      <t>ネンガッピ</t>
    </rPh>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t>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3"/>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3"/>
  </si>
  <si>
    <t>介護予防認知症対応型
通所介護</t>
    <rPh sb="0" eb="2">
      <t>カイゴ</t>
    </rPh>
    <rPh sb="2" eb="4">
      <t>ヨボウ</t>
    </rPh>
    <rPh sb="4" eb="7">
      <t>ニンチショウ</t>
    </rPh>
    <rPh sb="7" eb="10">
      <t>タイオウガタ</t>
    </rPh>
    <rPh sb="11" eb="13">
      <t>ツウショ</t>
    </rPh>
    <rPh sb="13" eb="15">
      <t>カイゴ</t>
    </rPh>
    <phoneticPr fontId="3"/>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3"/>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3"/>
  </si>
  <si>
    <t>適用条件</t>
    <rPh sb="0" eb="2">
      <t>テキヨウ</t>
    </rPh>
    <rPh sb="2" eb="4">
      <t>ジョウケン</t>
    </rPh>
    <phoneticPr fontId="3"/>
  </si>
  <si>
    <t>割引率</t>
    <rPh sb="0" eb="2">
      <t>ワリビキ</t>
    </rPh>
    <rPh sb="2" eb="3">
      <t>リツ</t>
    </rPh>
    <phoneticPr fontId="3"/>
  </si>
  <si>
    <t>サービスの種類</t>
    <rPh sb="5" eb="7">
      <t>シュルイ</t>
    </rPh>
    <phoneticPr fontId="3"/>
  </si>
  <si>
    <t>事業所番号</t>
    <rPh sb="0" eb="3">
      <t>ジギョウショ</t>
    </rPh>
    <rPh sb="3" eb="5">
      <t>バンゴウ</t>
    </rPh>
    <phoneticPr fontId="3"/>
  </si>
  <si>
    <t>　1　割引率等</t>
    <rPh sb="3" eb="6">
      <t>ワリビキリツ</t>
    </rPh>
    <rPh sb="6" eb="7">
      <t>トウ</t>
    </rPh>
    <phoneticPr fontId="3"/>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3"/>
  </si>
  <si>
    <t>事業所・施設名</t>
    <rPh sb="0" eb="3">
      <t>ジギョウショ</t>
    </rPh>
    <rPh sb="4" eb="6">
      <t>シセツ</t>
    </rPh>
    <rPh sb="6" eb="7">
      <t>メイ</t>
    </rPh>
    <phoneticPr fontId="3"/>
  </si>
  <si>
    <t>日</t>
    <rPh sb="0" eb="1">
      <t>ヒ</t>
    </rPh>
    <phoneticPr fontId="3"/>
  </si>
  <si>
    <t>①介護給付費算定に係る体制等に関する届出書（別紙3-2）
②介護給付費算定に係る体制等状況一覧表（別紙1-3）
③下表の添付書類を併せて提出ください。</t>
  </si>
  <si>
    <r>
      <t>介護職員</t>
    </r>
    <r>
      <rPr>
        <sz val="11"/>
        <rFont val="ＭＳ Ｐゴシック"/>
        <family val="3"/>
        <charset val="128"/>
      </rPr>
      <t>等処遇改善加算</t>
    </r>
    <rPh sb="4" eb="5">
      <t>トウ</t>
    </rPh>
    <phoneticPr fontId="2"/>
  </si>
  <si>
    <r>
      <rPr>
        <sz val="11"/>
        <rFont val="ＭＳ Ｐゴシック"/>
        <family val="3"/>
        <charset val="128"/>
      </rPr>
      <t xml:space="preserve">処遇改善計画書
</t>
    </r>
    <rPh sb="0" eb="2">
      <t>ショグウ</t>
    </rPh>
    <rPh sb="2" eb="4">
      <t>カイゼン</t>
    </rPh>
    <rPh sb="4" eb="7">
      <t>ケイカクショ</t>
    </rPh>
    <phoneticPr fontId="2"/>
  </si>
  <si>
    <t>LIFEへの登録</t>
    <rPh sb="6" eb="8">
      <t>トウロク</t>
    </rPh>
    <phoneticPr fontId="2"/>
  </si>
  <si>
    <t>なし</t>
  </si>
  <si>
    <t>職員の欠員による減算の状況</t>
    <rPh sb="0" eb="2">
      <t>ショクイン</t>
    </rPh>
    <rPh sb="3" eb="5">
      <t>ケツイン</t>
    </rPh>
    <rPh sb="8" eb="10">
      <t>ゲンサン</t>
    </rPh>
    <rPh sb="11" eb="13">
      <t>ジョウキョウ</t>
    </rPh>
    <phoneticPr fontId="3"/>
  </si>
  <si>
    <t xml:space="preserve">①従業者の勤務の体制及び勤務形態一覧表(別紙7-a)
</t>
  </si>
  <si>
    <t>業務継続計画策定の有無</t>
  </si>
  <si>
    <t>若年性認知症利用者受入加算</t>
  </si>
  <si>
    <t>訪問体制強化加算</t>
    <rPh sb="0" eb="2">
      <t>ホウモン</t>
    </rPh>
    <rPh sb="2" eb="4">
      <t>タイセイ</t>
    </rPh>
    <rPh sb="4" eb="6">
      <t>キョウカ</t>
    </rPh>
    <rPh sb="6" eb="8">
      <t>カサン</t>
    </rPh>
    <phoneticPr fontId="3"/>
  </si>
  <si>
    <t>科学的介護推進体制加算</t>
    <rPh sb="0" eb="3">
      <t>カガクテキ</t>
    </rPh>
    <rPh sb="3" eb="5">
      <t>カイゴ</t>
    </rPh>
    <rPh sb="5" eb="7">
      <t>スイシン</t>
    </rPh>
    <rPh sb="7" eb="9">
      <t>タイセイ</t>
    </rPh>
    <rPh sb="9" eb="11">
      <t>カサン</t>
    </rPh>
    <phoneticPr fontId="3"/>
  </si>
  <si>
    <t>割引</t>
    <rPh sb="0" eb="2">
      <t>ワリビキ</t>
    </rPh>
    <phoneticPr fontId="2"/>
  </si>
  <si>
    <t>（別紙44）</t>
    <phoneticPr fontId="3"/>
  </si>
  <si>
    <t>認知症加算（Ⅰ）・（Ⅱ）に係る届出書</t>
    <rPh sb="0" eb="3">
      <t>ニンチショウ</t>
    </rPh>
    <rPh sb="3" eb="5">
      <t>カサン</t>
    </rPh>
    <rPh sb="13" eb="14">
      <t>カカ</t>
    </rPh>
    <rPh sb="15" eb="18">
      <t>トドケデショ</t>
    </rPh>
    <phoneticPr fontId="3"/>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3"/>
  </si>
  <si>
    <t>事業所等の区分</t>
    <rPh sb="0" eb="3">
      <t>ジギョウショ</t>
    </rPh>
    <phoneticPr fontId="3"/>
  </si>
  <si>
    <t>1　小規模多機能型居宅介護事業所</t>
    <rPh sb="2" eb="5">
      <t>ショウキボ</t>
    </rPh>
    <rPh sb="5" eb="9">
      <t>タキノウガタ</t>
    </rPh>
    <rPh sb="9" eb="11">
      <t>キョタク</t>
    </rPh>
    <rPh sb="11" eb="13">
      <t>カイゴ</t>
    </rPh>
    <rPh sb="13" eb="16">
      <t>ジギョウショ</t>
    </rPh>
    <phoneticPr fontId="3"/>
  </si>
  <si>
    <t>2　看護小規模多機能型居宅介護事業所</t>
    <rPh sb="2" eb="4">
      <t>カンゴ</t>
    </rPh>
    <rPh sb="4" eb="7">
      <t>ショウキボ</t>
    </rPh>
    <rPh sb="7" eb="11">
      <t>タキノウガタ</t>
    </rPh>
    <rPh sb="11" eb="13">
      <t>キョタク</t>
    </rPh>
    <rPh sb="13" eb="15">
      <t>カイゴ</t>
    </rPh>
    <rPh sb="15" eb="18">
      <t>ジギョウショ</t>
    </rPh>
    <phoneticPr fontId="3"/>
  </si>
  <si>
    <t>・</t>
    <phoneticPr fontId="3"/>
  </si>
  <si>
    <t>１．認知症加算（Ⅰ）に係る届出内容</t>
    <rPh sb="11" eb="12">
      <t>カカ</t>
    </rPh>
    <rPh sb="13" eb="14">
      <t>トド</t>
    </rPh>
    <rPh sb="14" eb="15">
      <t>デ</t>
    </rPh>
    <rPh sb="15" eb="17">
      <t>ナイヨウ</t>
    </rPh>
    <phoneticPr fontId="3"/>
  </si>
  <si>
    <t>(1)</t>
    <phoneticPr fontId="3"/>
  </si>
  <si>
    <t>認知症介護に係る専門的な研修を修了している者を、日常生活自立度のランクⅢ、Ⅳ又はMに該当する者の数に応じて必要数以上配置し、チームとして専門的な認知症ケアを実施している</t>
    <phoneticPr fontId="3"/>
  </si>
  <si>
    <t>・</t>
    <phoneticPr fontId="3"/>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3"/>
  </si>
  <si>
    <t>～</t>
    <phoneticPr fontId="3"/>
  </si>
  <si>
    <t>(2)</t>
    <phoneticPr fontId="3"/>
  </si>
  <si>
    <t>従業者に対して、認知症ケアに関する留意事項の伝達又は技術的指導に係る会議を定期的に開催している</t>
    <phoneticPr fontId="3"/>
  </si>
  <si>
    <t>・</t>
    <phoneticPr fontId="3"/>
  </si>
  <si>
    <t>(3)</t>
    <phoneticPr fontId="3"/>
  </si>
  <si>
    <t>認知症介護の指導に係る専門的な研修を修了している者を１名以上配置し、事業所全体の認知症ケアの指導等を実施している</t>
    <phoneticPr fontId="3"/>
  </si>
  <si>
    <t>(4)</t>
    <phoneticPr fontId="3"/>
  </si>
  <si>
    <t>事業所において介護職員、看護職員ごとの認知症ケアに関する研修計画を作成し、当該計画に従い、研修を実施又は実施を予定している</t>
    <phoneticPr fontId="3"/>
  </si>
  <si>
    <t>２．認知症加算（Ⅱ）に係る届出内容</t>
    <rPh sb="11" eb="12">
      <t>カカ</t>
    </rPh>
    <rPh sb="13" eb="14">
      <t>トド</t>
    </rPh>
    <rPh sb="14" eb="15">
      <t>デ</t>
    </rPh>
    <rPh sb="15" eb="17">
      <t>ナイヨウ</t>
    </rPh>
    <phoneticPr fontId="3"/>
  </si>
  <si>
    <t>(1)</t>
    <phoneticPr fontId="3"/>
  </si>
  <si>
    <r>
      <t xml:space="preserve">認知症加算（Ⅰ）の(1)・(2)の基準のいずれにも該当している
</t>
    </r>
    <r>
      <rPr>
        <sz val="10"/>
        <rFont val="HGSｺﾞｼｯｸM"/>
        <family val="3"/>
        <charset val="128"/>
      </rPr>
      <t>※認知症加算（Ⅰ）に係る届出内容(1)・(2)も記入すること。</t>
    </r>
    <phoneticPr fontId="3"/>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3"/>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3"/>
  </si>
  <si>
    <t>※認知症看護に係る適切な研修：</t>
    <phoneticPr fontId="3"/>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3"/>
  </si>
  <si>
    <t>　</t>
    <phoneticPr fontId="3"/>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3"/>
  </si>
  <si>
    <t>①認知症加算（Ⅰ）・（Ⅱ）に係る届出書（別紙44）
②認知症介護指導者養成研修、認知症介護実践リーダー研修、認知症介護実践者研修、認知症看護に係る適切な研修の修了証の写し
③介護職員、看護職員ごとの認知症ケアに関する研修計画</t>
    <rPh sb="20" eb="22">
      <t>ベッシ</t>
    </rPh>
    <phoneticPr fontId="3"/>
  </si>
  <si>
    <t>なし</t>
    <phoneticPr fontId="3"/>
  </si>
  <si>
    <t>事業所・施設名（　　　　　　　　　　　　　　　　　　　　）</t>
    <phoneticPr fontId="3"/>
  </si>
  <si>
    <t>［入所（利用）定員（見込）数等　　　　　名］</t>
    <phoneticPr fontId="3"/>
  </si>
  <si>
    <t>職　種</t>
    <phoneticPr fontId="3"/>
  </si>
  <si>
    <t>勤務　　　　　　　　　　形態</t>
    <phoneticPr fontId="3"/>
  </si>
  <si>
    <t>氏　名</t>
    <phoneticPr fontId="3"/>
  </si>
  <si>
    <t>4週の　　　　　　　　　　合計</t>
    <phoneticPr fontId="3"/>
  </si>
  <si>
    <t>（記載例―1）</t>
    <phoneticPr fontId="3"/>
  </si>
  <si>
    <t>（記載例―2）</t>
    <phoneticPr fontId="3"/>
  </si>
  <si>
    <t>　（　　　　：　　　　)</t>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差し支えありません。</t>
    <phoneticPr fontId="3"/>
  </si>
  <si>
    <t>（別紙７-a）</t>
    <phoneticPr fontId="3"/>
  </si>
  <si>
    <t>なし</t>
    <phoneticPr fontId="3"/>
  </si>
  <si>
    <t>（別紙28）</t>
    <phoneticPr fontId="3"/>
  </si>
  <si>
    <t>令和　　年　　月　　日</t>
    <rPh sb="4" eb="5">
      <t>ネン</t>
    </rPh>
    <rPh sb="7" eb="8">
      <t>ガツ</t>
    </rPh>
    <rPh sb="10" eb="11">
      <t>ニチ</t>
    </rPh>
    <phoneticPr fontId="3"/>
  </si>
  <si>
    <t>生産性向上推進体制加算に係る届出書</t>
    <rPh sb="0" eb="3">
      <t>セイサンセイ</t>
    </rPh>
    <rPh sb="3" eb="11">
      <t>コウジョウスイシンタイセイカサン</t>
    </rPh>
    <rPh sb="9" eb="11">
      <t>カサン</t>
    </rPh>
    <rPh sb="12" eb="13">
      <t>カカ</t>
    </rPh>
    <rPh sb="14" eb="17">
      <t>トドケデショ</t>
    </rPh>
    <phoneticPr fontId="3"/>
  </si>
  <si>
    <t>異動等区分</t>
  </si>
  <si>
    <t>　1　新規　2　変更　3　終了</t>
    <phoneticPr fontId="3"/>
  </si>
  <si>
    <t>施 設 種 別</t>
    <rPh sb="0" eb="1">
      <t>シ</t>
    </rPh>
    <rPh sb="2" eb="3">
      <t>セツ</t>
    </rPh>
    <rPh sb="4" eb="5">
      <t>タネ</t>
    </rPh>
    <rPh sb="6" eb="7">
      <t>ベツ</t>
    </rPh>
    <phoneticPr fontId="3"/>
  </si>
  <si>
    <t>１　短期入所生活介護</t>
    <rPh sb="2" eb="6">
      <t>タンキニュウショ</t>
    </rPh>
    <rPh sb="6" eb="8">
      <t>セイカツ</t>
    </rPh>
    <rPh sb="8" eb="10">
      <t>カイゴ</t>
    </rPh>
    <phoneticPr fontId="3"/>
  </si>
  <si>
    <t>２　短期入所療養介護</t>
    <rPh sb="2" eb="4">
      <t>タンキ</t>
    </rPh>
    <rPh sb="4" eb="6">
      <t>ニュウショ</t>
    </rPh>
    <rPh sb="6" eb="8">
      <t>リョウヨウ</t>
    </rPh>
    <rPh sb="8" eb="10">
      <t>カイゴ</t>
    </rPh>
    <phoneticPr fontId="3"/>
  </si>
  <si>
    <t>３　特定施設入居者生活介護</t>
    <phoneticPr fontId="3"/>
  </si>
  <si>
    <t>４　小規模多機能型居宅介護</t>
    <phoneticPr fontId="3"/>
  </si>
  <si>
    <t>５　認知症対応型共同生活介護</t>
    <phoneticPr fontId="3"/>
  </si>
  <si>
    <t>６　地域密着型特定施設入居者生活介護</t>
    <rPh sb="2" eb="7">
      <t>チイキミッチャクガタ</t>
    </rPh>
    <phoneticPr fontId="3"/>
  </si>
  <si>
    <t>７　地域密着型介護老人福祉施設</t>
    <phoneticPr fontId="3"/>
  </si>
  <si>
    <t>８　看護小規模多機能型居宅介護</t>
    <phoneticPr fontId="3"/>
  </si>
  <si>
    <t>９　介護老人福祉施設</t>
    <phoneticPr fontId="3"/>
  </si>
  <si>
    <t>10　介護老人保健施設</t>
    <rPh sb="3" eb="5">
      <t>カイゴ</t>
    </rPh>
    <rPh sb="5" eb="7">
      <t>ロウジン</t>
    </rPh>
    <rPh sb="7" eb="9">
      <t>ホケン</t>
    </rPh>
    <rPh sb="9" eb="11">
      <t>シセツ</t>
    </rPh>
    <phoneticPr fontId="3"/>
  </si>
  <si>
    <t>11　介護医療院</t>
    <rPh sb="3" eb="5">
      <t>カイゴ</t>
    </rPh>
    <rPh sb="5" eb="7">
      <t>イリョウ</t>
    </rPh>
    <rPh sb="7" eb="8">
      <t>イン</t>
    </rPh>
    <phoneticPr fontId="3"/>
  </si>
  <si>
    <t>12　介護予防短期入所生活介護</t>
    <rPh sb="3" eb="5">
      <t>カイゴ</t>
    </rPh>
    <rPh sb="5" eb="7">
      <t>ヨボウ</t>
    </rPh>
    <rPh sb="7" eb="15">
      <t>タンキニュウショセイカツカイゴ</t>
    </rPh>
    <phoneticPr fontId="3"/>
  </si>
  <si>
    <t>13　介護予防短期入所療養介護</t>
    <rPh sb="3" eb="5">
      <t>カイゴ</t>
    </rPh>
    <rPh sb="5" eb="7">
      <t>ヨボウ</t>
    </rPh>
    <rPh sb="7" eb="9">
      <t>タンキ</t>
    </rPh>
    <rPh sb="9" eb="11">
      <t>ニュウショ</t>
    </rPh>
    <rPh sb="11" eb="13">
      <t>リョウヨウ</t>
    </rPh>
    <rPh sb="13" eb="15">
      <t>カイゴ</t>
    </rPh>
    <phoneticPr fontId="3"/>
  </si>
  <si>
    <t>14　介護予防特定施設入居者生活介護</t>
    <phoneticPr fontId="3"/>
  </si>
  <si>
    <t>15　介護予防小規模多機能型居宅介護</t>
    <phoneticPr fontId="3"/>
  </si>
  <si>
    <t>16　介護予防認知症対応型共同生活介護</t>
    <phoneticPr fontId="3"/>
  </si>
  <si>
    <t>届出区分</t>
    <rPh sb="0" eb="2">
      <t>トドケデ</t>
    </rPh>
    <rPh sb="2" eb="4">
      <t>クブン</t>
    </rPh>
    <phoneticPr fontId="3"/>
  </si>
  <si>
    <t>１　生産性向上推進体制加算（Ⅰ）　２　生産性向上推進体制加算（Ⅱ）</t>
    <phoneticPr fontId="3"/>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3"/>
  </si>
  <si>
    <t>① 加算（Ⅱ）のデータ等により業務改善の取組による成果を確認</t>
    <phoneticPr fontId="3"/>
  </si>
  <si>
    <t>有・無</t>
    <rPh sb="0" eb="1">
      <t>ウ</t>
    </rPh>
    <rPh sb="2" eb="3">
      <t>ム</t>
    </rPh>
    <phoneticPr fontId="3"/>
  </si>
  <si>
    <t>② 以下のⅰ～ⅲの項目の機器をすべて使用</t>
    <rPh sb="2" eb="4">
      <t>イカ</t>
    </rPh>
    <rPh sb="9" eb="11">
      <t>コウモク</t>
    </rPh>
    <rPh sb="12" eb="14">
      <t>キキ</t>
    </rPh>
    <rPh sb="18" eb="20">
      <t>シヨウ</t>
    </rPh>
    <phoneticPr fontId="3"/>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　ⅱ 職員全員がインカム等のICTを使用 </t>
    <rPh sb="3" eb="5">
      <t>ショクイン</t>
    </rPh>
    <rPh sb="5" eb="7">
      <t>ゼンイン</t>
    </rPh>
    <rPh sb="12" eb="13">
      <t>トウ</t>
    </rPh>
    <rPh sb="18" eb="20">
      <t>シヨウ</t>
    </rPh>
    <phoneticPr fontId="3"/>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3"/>
  </si>
  <si>
    <t xml:space="preserve">  資するICTを使用 </t>
    <phoneticPr fontId="3"/>
  </si>
  <si>
    <t>（導入機器）</t>
    <rPh sb="1" eb="3">
      <t>ドウニュウ</t>
    </rPh>
    <rPh sb="3" eb="5">
      <t>キキ</t>
    </rPh>
    <phoneticPr fontId="3"/>
  </si>
  <si>
    <t>　</t>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3"/>
  </si>
  <si>
    <t>④ 利用者の安全並びに介護サービスの質の確保及び職員の負担軽減に資する方策を検討するため</t>
    <phoneticPr fontId="3"/>
  </si>
  <si>
    <t>　 の委員会（以下「委員会」という。）において、以下のすべての項目について必要な検討を行い、</t>
    <phoneticPr fontId="3"/>
  </si>
  <si>
    <t>　 当該項目の実施を確認</t>
    <phoneticPr fontId="3"/>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3"/>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3"/>
  </si>
  <si>
    <t>　 員に対する教育の実施</t>
    <phoneticPr fontId="3"/>
  </si>
  <si>
    <t>生産性向上推進体制加算（Ⅱ）に係る届出</t>
    <rPh sb="0" eb="3">
      <t>セイサンセイ</t>
    </rPh>
    <rPh sb="3" eb="11">
      <t>コウジョウスイシンタイセイカサン</t>
    </rPh>
    <rPh sb="15" eb="16">
      <t>カカ</t>
    </rPh>
    <rPh sb="17" eb="19">
      <t>トドケデ</t>
    </rPh>
    <phoneticPr fontId="3"/>
  </si>
  <si>
    <t>① 以下のⅰ～ⅲの項目の機器のうち１つ以上を使用</t>
    <rPh sb="2" eb="4">
      <t>イカ</t>
    </rPh>
    <rPh sb="9" eb="11">
      <t>コウモク</t>
    </rPh>
    <rPh sb="12" eb="14">
      <t>キキ</t>
    </rPh>
    <rPh sb="19" eb="21">
      <t>イジョウ</t>
    </rPh>
    <rPh sb="22" eb="24">
      <t>シヨウ</t>
    </rPh>
    <phoneticPr fontId="3"/>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3"/>
  </si>
  <si>
    <t>　入所（利用）者数</t>
    <rPh sb="1" eb="3">
      <t>ニュウショ</t>
    </rPh>
    <rPh sb="4" eb="6">
      <t>リヨウ</t>
    </rPh>
    <rPh sb="7" eb="8">
      <t>シャ</t>
    </rPh>
    <rPh sb="8" eb="9">
      <t>スウ</t>
    </rPh>
    <phoneticPr fontId="3"/>
  </si>
  <si>
    <t>人</t>
    <rPh sb="0" eb="1">
      <t>ニン</t>
    </rPh>
    <phoneticPr fontId="3"/>
  </si>
  <si>
    <t>　見守り機器を導入して見守りを行っている対象者数</t>
    <phoneticPr fontId="3"/>
  </si>
  <si>
    <t xml:space="preserve">  資するICTを使用 </t>
    <phoneticPr fontId="3"/>
  </si>
  <si>
    <t>　</t>
    <phoneticPr fontId="3"/>
  </si>
  <si>
    <t>　</t>
    <phoneticPr fontId="3"/>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3"/>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　 員に対する教育の実施</t>
    <phoneticPr fontId="3"/>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3"/>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3"/>
  </si>
  <si>
    <t>　　　指定権者からの求めがあった場合には、速やかに提出すること。</t>
    <phoneticPr fontId="3"/>
  </si>
  <si>
    <t>備考３　本加算を算定する場合は、事業年度毎に取組の実績をオンラインで厚生労働省に報告すること。</t>
    <rPh sb="0" eb="2">
      <t>ビコウ</t>
    </rPh>
    <phoneticPr fontId="3"/>
  </si>
  <si>
    <t>備考４　届出にあたっては、別途通知（「生産性向上推進体制加算に関する基本的考え方並びに事務処理手順及び様式例</t>
    <rPh sb="0" eb="2">
      <t>ビコウ</t>
    </rPh>
    <phoneticPr fontId="3"/>
  </si>
  <si>
    <t>　　　等の提示について」）を参照すること。</t>
    <phoneticPr fontId="3"/>
  </si>
  <si>
    <t>認知症加算（Ⅰ）（Ⅱ）</t>
    <rPh sb="0" eb="3">
      <t>ニンチショウ</t>
    </rPh>
    <rPh sb="3" eb="5">
      <t>カサン</t>
    </rPh>
    <phoneticPr fontId="3"/>
  </si>
  <si>
    <t>総合マネジメント体制強化加算（Ⅰ）（Ⅱ）</t>
    <rPh sb="0" eb="2">
      <t>ソウゴウ</t>
    </rPh>
    <rPh sb="8" eb="10">
      <t>タイセイ</t>
    </rPh>
    <rPh sb="10" eb="12">
      <t>キョウカ</t>
    </rPh>
    <rPh sb="12" eb="14">
      <t>カサン</t>
    </rPh>
    <phoneticPr fontId="3"/>
  </si>
  <si>
    <t>生産性向上推進体制加算（Ⅰ）（Ⅱ）</t>
    <phoneticPr fontId="3"/>
  </si>
  <si>
    <t>①生産性向上推進体制加算に係る届出書（別紙28）
②委員会の議事概要（必要な検討要件を満たしていることが確認できること）
【（Ⅰ）のみ】
③特定施設等における生産性向上に先進的に取り組む場合における人員配置基準の特例的な柔軟化の適用に係る届出書（調査結果）(別紙28-2)
　※別途通知「生産性向上推進体制加算に関する基本的考え方並びに事務処理手順及び様式例等の提示について」を参照すること。</t>
    <phoneticPr fontId="3"/>
  </si>
  <si>
    <t>（別紙28-2）</t>
    <phoneticPr fontId="3"/>
  </si>
  <si>
    <t>特定施設等における生産性向上に先進的に取り組む場合における
人員配置基準の特例的な柔軟化の適用に係る届出書（調査結果）</t>
    <rPh sb="0" eb="2">
      <t>トクテイ</t>
    </rPh>
    <rPh sb="2" eb="5">
      <t>シセツナド</t>
    </rPh>
    <rPh sb="9" eb="12">
      <t>セイサンセイ</t>
    </rPh>
    <rPh sb="12" eb="14">
      <t>コウジョウ</t>
    </rPh>
    <rPh sb="15" eb="18">
      <t>センシンテキ</t>
    </rPh>
    <rPh sb="19" eb="20">
      <t>ト</t>
    </rPh>
    <rPh sb="21" eb="22">
      <t>ク</t>
    </rPh>
    <rPh sb="23" eb="25">
      <t>バアイ</t>
    </rPh>
    <rPh sb="30" eb="36">
      <t>ジンインハイチキジュン</t>
    </rPh>
    <rPh sb="37" eb="39">
      <t>トクレイ</t>
    </rPh>
    <rPh sb="39" eb="40">
      <t>テキ</t>
    </rPh>
    <rPh sb="41" eb="44">
      <t>ジュウナンカ</t>
    </rPh>
    <rPh sb="45" eb="47">
      <t>テキヨウ</t>
    </rPh>
    <rPh sb="48" eb="49">
      <t>カカ</t>
    </rPh>
    <rPh sb="50" eb="53">
      <t>トドケデショ</t>
    </rPh>
    <rPh sb="54" eb="56">
      <t>チョウサ</t>
    </rPh>
    <rPh sb="56" eb="58">
      <t>ケッカ</t>
    </rPh>
    <phoneticPr fontId="3"/>
  </si>
  <si>
    <t>試行の実施期間（３か月以上の実施が要件）</t>
    <rPh sb="14" eb="16">
      <t>ジッシ</t>
    </rPh>
    <rPh sb="17" eb="19">
      <t>ヨウケン</t>
    </rPh>
    <phoneticPr fontId="3"/>
  </si>
  <si>
    <t>試行実施期間</t>
    <rPh sb="0" eb="2">
      <t>シコウ</t>
    </rPh>
    <rPh sb="2" eb="4">
      <t>ジッシ</t>
    </rPh>
    <rPh sb="4" eb="6">
      <t>キカン</t>
    </rPh>
    <phoneticPr fontId="3"/>
  </si>
  <si>
    <t>令和　年　月　～　令和　年　月</t>
    <rPh sb="0" eb="2">
      <t>レイワ</t>
    </rPh>
    <rPh sb="3" eb="4">
      <t>ネン</t>
    </rPh>
    <rPh sb="5" eb="6">
      <t>ツキ</t>
    </rPh>
    <phoneticPr fontId="3"/>
  </si>
  <si>
    <t>１　タイムスタディ調査　（※）５日間の調査</t>
    <rPh sb="9" eb="11">
      <t>チョウサ</t>
    </rPh>
    <phoneticPr fontId="3"/>
  </si>
  <si>
    <t>事前調査時期</t>
    <rPh sb="0" eb="2">
      <t>ジゼン</t>
    </rPh>
    <phoneticPr fontId="3"/>
  </si>
  <si>
    <t>令和　年　月</t>
    <rPh sb="0" eb="2">
      <t>レイワ</t>
    </rPh>
    <rPh sb="3" eb="4">
      <t>ネン</t>
    </rPh>
    <rPh sb="5" eb="6">
      <t>ツキ</t>
    </rPh>
    <phoneticPr fontId="3"/>
  </si>
  <si>
    <t>事後調査時期</t>
    <rPh sb="0" eb="2">
      <t>ジゴ</t>
    </rPh>
    <rPh sb="2" eb="4">
      <t>チョウサ</t>
    </rPh>
    <phoneticPr fontId="3"/>
  </si>
  <si>
    <t>① －１　日中（事前調査）　調査対象人数　人</t>
    <rPh sb="5" eb="7">
      <t>ニッチュウ</t>
    </rPh>
    <rPh sb="8" eb="10">
      <t>ジゼン</t>
    </rPh>
    <rPh sb="10" eb="12">
      <t>チョウサ</t>
    </rPh>
    <phoneticPr fontId="3"/>
  </si>
  <si>
    <t>類型</t>
    <rPh sb="0" eb="2">
      <t>ルイケイ</t>
    </rPh>
    <phoneticPr fontId="3"/>
  </si>
  <si>
    <t>直接介護</t>
    <rPh sb="0" eb="2">
      <t>チョクセツ</t>
    </rPh>
    <rPh sb="2" eb="4">
      <t>カイゴ</t>
    </rPh>
    <phoneticPr fontId="3"/>
  </si>
  <si>
    <t>間接業務</t>
    <rPh sb="0" eb="2">
      <t>カンセツ</t>
    </rPh>
    <rPh sb="2" eb="4">
      <t>ギョウム</t>
    </rPh>
    <phoneticPr fontId="3"/>
  </si>
  <si>
    <t>余裕時間</t>
    <rPh sb="0" eb="2">
      <t>ヨユウ</t>
    </rPh>
    <rPh sb="2" eb="4">
      <t>ジカン</t>
    </rPh>
    <phoneticPr fontId="3"/>
  </si>
  <si>
    <t>休憩・待機・その他</t>
    <rPh sb="0" eb="2">
      <t>キュウケイ</t>
    </rPh>
    <rPh sb="3" eb="5">
      <t>タイキ</t>
    </rPh>
    <rPh sb="8" eb="9">
      <t>ホカ</t>
    </rPh>
    <phoneticPr fontId="3"/>
  </si>
  <si>
    <t>割合（％）</t>
    <rPh sb="0" eb="2">
      <t>ワリアイ</t>
    </rPh>
    <phoneticPr fontId="3"/>
  </si>
  <si>
    <t>調査対象者の業務時間の総和</t>
    <rPh sb="0" eb="2">
      <t>チョウサ</t>
    </rPh>
    <rPh sb="2" eb="4">
      <t>タイショウ</t>
    </rPh>
    <rPh sb="4" eb="5">
      <t>シャ</t>
    </rPh>
    <rPh sb="6" eb="8">
      <t>ギョウム</t>
    </rPh>
    <rPh sb="8" eb="10">
      <t>ジカン</t>
    </rPh>
    <rPh sb="11" eb="13">
      <t>ソウワ</t>
    </rPh>
    <phoneticPr fontId="3"/>
  </si>
  <si>
    <t>時間（少数点第１位まで記載）</t>
    <rPh sb="0" eb="2">
      <t>ジカン</t>
    </rPh>
    <rPh sb="3" eb="5">
      <t>ショウスウ</t>
    </rPh>
    <rPh sb="5" eb="6">
      <t>テン</t>
    </rPh>
    <rPh sb="6" eb="7">
      <t>ダイ</t>
    </rPh>
    <rPh sb="8" eb="9">
      <t>イ</t>
    </rPh>
    <rPh sb="11" eb="13">
      <t>キサイ</t>
    </rPh>
    <phoneticPr fontId="3"/>
  </si>
  <si>
    <t>① －２　日中（事後調査）　調査対象人数　人</t>
    <rPh sb="5" eb="7">
      <t>ニッチュウ</t>
    </rPh>
    <phoneticPr fontId="3"/>
  </si>
  <si>
    <t>②－１　 夜間（事前調査）　調査対象人数　人</t>
    <rPh sb="4" eb="6">
      <t>ヤカン</t>
    </rPh>
    <rPh sb="7" eb="9">
      <t>ジゼン</t>
    </rPh>
    <rPh sb="9" eb="11">
      <t>チョウサ</t>
    </rPh>
    <phoneticPr fontId="3"/>
  </si>
  <si>
    <t>②－２ 　夜間（事後調査）　調査対象人数　人</t>
    <rPh sb="5" eb="7">
      <t>ヤカン</t>
    </rPh>
    <rPh sb="8" eb="10">
      <t>ジゴ</t>
    </rPh>
    <rPh sb="10" eb="12">
      <t>チョウサ</t>
    </rPh>
    <phoneticPr fontId="3"/>
  </si>
  <si>
    <t>総業務時間に占める直接介護の時間の割合が増加していることの確認</t>
    <rPh sb="0" eb="1">
      <t>ソウ</t>
    </rPh>
    <rPh sb="1" eb="3">
      <t>ギョウム</t>
    </rPh>
    <rPh sb="3" eb="5">
      <t>ジカン</t>
    </rPh>
    <rPh sb="6" eb="7">
      <t>シ</t>
    </rPh>
    <rPh sb="9" eb="11">
      <t>チョクセツ</t>
    </rPh>
    <rPh sb="11" eb="13">
      <t>カイゴ</t>
    </rPh>
    <rPh sb="14" eb="16">
      <t>ジカン</t>
    </rPh>
    <rPh sb="17" eb="19">
      <t>ワリアイ</t>
    </rPh>
    <rPh sb="20" eb="22">
      <t>ゾウカ</t>
    </rPh>
    <rPh sb="29" eb="31">
      <t>カクニン</t>
    </rPh>
    <phoneticPr fontId="3"/>
  </si>
  <si>
    <t>２　利用者の満足度の変化</t>
    <phoneticPr fontId="3"/>
  </si>
  <si>
    <t>令和　年　月</t>
    <phoneticPr fontId="3"/>
  </si>
  <si>
    <t>　① －１　WHOー５（事前調査）　調査対象人数　人</t>
    <rPh sb="12" eb="14">
      <t>ジゼン</t>
    </rPh>
    <rPh sb="14" eb="16">
      <t>チョウサ</t>
    </rPh>
    <phoneticPr fontId="3"/>
  </si>
  <si>
    <t>点数区分</t>
    <rPh sb="0" eb="2">
      <t>テンスウ</t>
    </rPh>
    <rPh sb="2" eb="4">
      <t>クブン</t>
    </rPh>
    <phoneticPr fontId="3"/>
  </si>
  <si>
    <t>0点～6点</t>
    <rPh sb="1" eb="2">
      <t>テン</t>
    </rPh>
    <rPh sb="4" eb="5">
      <t>テン</t>
    </rPh>
    <phoneticPr fontId="3"/>
  </si>
  <si>
    <t>7点～13点</t>
    <rPh sb="1" eb="2">
      <t>テン</t>
    </rPh>
    <rPh sb="5" eb="6">
      <t>テン</t>
    </rPh>
    <phoneticPr fontId="3"/>
  </si>
  <si>
    <t>14点～19点</t>
    <rPh sb="2" eb="3">
      <t>テン</t>
    </rPh>
    <rPh sb="6" eb="7">
      <t>テン</t>
    </rPh>
    <phoneticPr fontId="3"/>
  </si>
  <si>
    <t>20点～25点</t>
    <rPh sb="2" eb="3">
      <t>テン</t>
    </rPh>
    <rPh sb="6" eb="7">
      <t>テン</t>
    </rPh>
    <phoneticPr fontId="3"/>
  </si>
  <si>
    <t>人数</t>
    <rPh sb="0" eb="2">
      <t>ニンズウ</t>
    </rPh>
    <phoneticPr fontId="3"/>
  </si>
  <si>
    <t>　① －２　WHOー５（事後調査）　調査対象人数　人</t>
    <rPh sb="12" eb="14">
      <t>ジゴ</t>
    </rPh>
    <rPh sb="14" eb="16">
      <t>チョウサ</t>
    </rPh>
    <phoneticPr fontId="3"/>
  </si>
  <si>
    <t>調査対象者に関して、数値が悪化していないことの確認</t>
    <rPh sb="0" eb="2">
      <t>チョウサ</t>
    </rPh>
    <rPh sb="2" eb="4">
      <t>タイショウ</t>
    </rPh>
    <rPh sb="4" eb="5">
      <t>シャ</t>
    </rPh>
    <rPh sb="6" eb="7">
      <t>カン</t>
    </rPh>
    <rPh sb="10" eb="12">
      <t>スウチ</t>
    </rPh>
    <rPh sb="13" eb="15">
      <t>アッカ</t>
    </rPh>
    <rPh sb="23" eb="25">
      <t>カクニン</t>
    </rPh>
    <phoneticPr fontId="3"/>
  </si>
  <si>
    <t>　②－１　 生活・認知機能尺度（事前調査）　調査対象人数　人</t>
    <rPh sb="6" eb="8">
      <t>セイカツ</t>
    </rPh>
    <rPh sb="9" eb="11">
      <t>ニンチ</t>
    </rPh>
    <rPh sb="11" eb="13">
      <t>キノウ</t>
    </rPh>
    <rPh sb="13" eb="15">
      <t>シャクド</t>
    </rPh>
    <rPh sb="16" eb="18">
      <t>ジゼン</t>
    </rPh>
    <rPh sb="18" eb="20">
      <t>チョウサ</t>
    </rPh>
    <phoneticPr fontId="3"/>
  </si>
  <si>
    <t>詳細については、後日通知で示す。</t>
    <rPh sb="0" eb="2">
      <t>ショウサイ</t>
    </rPh>
    <rPh sb="8" eb="10">
      <t>ゴジツ</t>
    </rPh>
    <rPh sb="10" eb="12">
      <t>ツウチ</t>
    </rPh>
    <rPh sb="13" eb="14">
      <t>シメ</t>
    </rPh>
    <phoneticPr fontId="3"/>
  </si>
  <si>
    <t>　② －２　生活・認知機能尺度（事後調査）　調査対象人数　人</t>
    <rPh sb="6" eb="8">
      <t>セイカツ</t>
    </rPh>
    <rPh sb="9" eb="11">
      <t>ニンチ</t>
    </rPh>
    <rPh sb="11" eb="13">
      <t>キノウ</t>
    </rPh>
    <rPh sb="13" eb="15">
      <t>シャクド</t>
    </rPh>
    <rPh sb="16" eb="18">
      <t>ジゴ</t>
    </rPh>
    <rPh sb="18" eb="20">
      <t>チョウサ</t>
    </rPh>
    <phoneticPr fontId="3"/>
  </si>
  <si>
    <t>３　総業務時間及び当該時間に含まれる超過勤務時間の変化　調査対象人数　人</t>
    <phoneticPr fontId="3"/>
  </si>
  <si>
    <t>対象期間</t>
    <rPh sb="0" eb="2">
      <t>タイショウ</t>
    </rPh>
    <rPh sb="2" eb="4">
      <t>キカン</t>
    </rPh>
    <phoneticPr fontId="3"/>
  </si>
  <si>
    <t>(事前)令和　年　月</t>
    <rPh sb="1" eb="3">
      <t>ジゼン</t>
    </rPh>
    <phoneticPr fontId="3"/>
  </si>
  <si>
    <t>(事後)令和　年　月</t>
    <rPh sb="1" eb="3">
      <t>ジゴ</t>
    </rPh>
    <phoneticPr fontId="3"/>
  </si>
  <si>
    <t>総業務時間</t>
    <phoneticPr fontId="3"/>
  </si>
  <si>
    <t>超過勤務時間</t>
    <rPh sb="0" eb="2">
      <t>チョウカ</t>
    </rPh>
    <rPh sb="2" eb="4">
      <t>キンム</t>
    </rPh>
    <rPh sb="4" eb="6">
      <t>ジカン</t>
    </rPh>
    <phoneticPr fontId="3"/>
  </si>
  <si>
    <t>（※）一月あたりの時間数（調査対象者平均、小数点第１位まで記載）</t>
    <rPh sb="11" eb="12">
      <t>スウ</t>
    </rPh>
    <rPh sb="13" eb="15">
      <t>チョウサ</t>
    </rPh>
    <rPh sb="15" eb="18">
      <t>タイショウシャ</t>
    </rPh>
    <rPh sb="18" eb="20">
      <t>ヘイキン</t>
    </rPh>
    <rPh sb="21" eb="24">
      <t>ショウスウテン</t>
    </rPh>
    <rPh sb="24" eb="25">
      <t>ダイ</t>
    </rPh>
    <rPh sb="26" eb="27">
      <t>イ</t>
    </rPh>
    <rPh sb="29" eb="31">
      <t>キサイ</t>
    </rPh>
    <phoneticPr fontId="3"/>
  </si>
  <si>
    <t>総業務時間及び超過勤務時間が短縮していることの確認</t>
    <rPh sb="0" eb="1">
      <t>ソウ</t>
    </rPh>
    <rPh sb="1" eb="3">
      <t>ギョウム</t>
    </rPh>
    <rPh sb="3" eb="5">
      <t>ジカン</t>
    </rPh>
    <rPh sb="5" eb="6">
      <t>オヨ</t>
    </rPh>
    <rPh sb="7" eb="9">
      <t>チョウカ</t>
    </rPh>
    <rPh sb="9" eb="11">
      <t>キンム</t>
    </rPh>
    <rPh sb="11" eb="13">
      <t>ジカン</t>
    </rPh>
    <rPh sb="14" eb="16">
      <t>タンシュク</t>
    </rPh>
    <rPh sb="23" eb="25">
      <t>カクニン</t>
    </rPh>
    <phoneticPr fontId="3"/>
  </si>
  <si>
    <t>（３の参考）年次有給休暇の取得状況　調査対象人数　人</t>
    <rPh sb="3" eb="5">
      <t>サンコウ</t>
    </rPh>
    <phoneticPr fontId="3"/>
  </si>
  <si>
    <t>３の事後調査を実施した月を基準とする直近１年間</t>
    <rPh sb="2" eb="4">
      <t>ジゴ</t>
    </rPh>
    <rPh sb="4" eb="6">
      <t>チョウサ</t>
    </rPh>
    <rPh sb="7" eb="9">
      <t>ジッシ</t>
    </rPh>
    <rPh sb="11" eb="12">
      <t>ツキ</t>
    </rPh>
    <rPh sb="13" eb="15">
      <t>キジュン</t>
    </rPh>
    <rPh sb="18" eb="20">
      <t>チョッキン</t>
    </rPh>
    <rPh sb="21" eb="23">
      <t>ネンカン</t>
    </rPh>
    <phoneticPr fontId="3"/>
  </si>
  <si>
    <t>年次有給休暇取得日数</t>
    <rPh sb="0" eb="2">
      <t>ネンジ</t>
    </rPh>
    <rPh sb="2" eb="4">
      <t>ユウキュウ</t>
    </rPh>
    <rPh sb="4" eb="6">
      <t>キュウカ</t>
    </rPh>
    <rPh sb="6" eb="8">
      <t>シュトク</t>
    </rPh>
    <rPh sb="8" eb="10">
      <t>ニッスウ</t>
    </rPh>
    <phoneticPr fontId="3"/>
  </si>
  <si>
    <t>（※）対象期間における調査対象者の取得した年次有給休暇の日数（調査対象者平均、小数点第１位まで記載）（日）</t>
    <phoneticPr fontId="3"/>
  </si>
  <si>
    <t>４　介護職員の心理的負担等の変化</t>
    <rPh sb="12" eb="13">
      <t>ナド</t>
    </rPh>
    <rPh sb="14" eb="16">
      <t>ヘンカ</t>
    </rPh>
    <phoneticPr fontId="3"/>
  </si>
  <si>
    <t>①－１　ＳＲＳー18（事前調査）　調査対象人数　人</t>
    <rPh sb="11" eb="13">
      <t>ジゼン</t>
    </rPh>
    <rPh sb="13" eb="15">
      <t>チョウサ</t>
    </rPh>
    <phoneticPr fontId="3"/>
  </si>
  <si>
    <t>0点～7点</t>
    <rPh sb="1" eb="2">
      <t>テン</t>
    </rPh>
    <rPh sb="4" eb="5">
      <t>テン</t>
    </rPh>
    <phoneticPr fontId="3"/>
  </si>
  <si>
    <t>8点～19点</t>
    <rPh sb="1" eb="2">
      <t>テン</t>
    </rPh>
    <rPh sb="5" eb="6">
      <t>テン</t>
    </rPh>
    <phoneticPr fontId="3"/>
  </si>
  <si>
    <t>20点～31点</t>
    <rPh sb="2" eb="3">
      <t>テン</t>
    </rPh>
    <rPh sb="6" eb="7">
      <t>テン</t>
    </rPh>
    <phoneticPr fontId="3"/>
  </si>
  <si>
    <t>32点～54点</t>
    <rPh sb="2" eb="3">
      <t>テン</t>
    </rPh>
    <rPh sb="6" eb="7">
      <t>テン</t>
    </rPh>
    <phoneticPr fontId="3"/>
  </si>
  <si>
    <t>①－２　ＳＲＳー18（事後調査）　調査対象人数　人</t>
    <rPh sb="11" eb="13">
      <t>ジゴ</t>
    </rPh>
    <rPh sb="13" eb="15">
      <t>チョウサ</t>
    </rPh>
    <phoneticPr fontId="3"/>
  </si>
  <si>
    <t>調査対象者に関して、数値が悪化していないことの確認</t>
    <rPh sb="0" eb="2">
      <t>チョウサ</t>
    </rPh>
    <rPh sb="2" eb="4">
      <t>タイショウ</t>
    </rPh>
    <rPh sb="4" eb="5">
      <t>シャ</t>
    </rPh>
    <rPh sb="6" eb="7">
      <t>カンスウチタンシュクカクニン</t>
    </rPh>
    <rPh sb="13" eb="15">
      <t>アッカ</t>
    </rPh>
    <phoneticPr fontId="3"/>
  </si>
  <si>
    <t>② －１　モチベーションの変化（事前調査）　調査対象人数　人</t>
    <rPh sb="16" eb="18">
      <t>ジゼン</t>
    </rPh>
    <rPh sb="18" eb="20">
      <t>チョウサ</t>
    </rPh>
    <phoneticPr fontId="3"/>
  </si>
  <si>
    <t>-3点 ～ -1点</t>
    <rPh sb="0" eb="9">
      <t>テン</t>
    </rPh>
    <phoneticPr fontId="3"/>
  </si>
  <si>
    <t>0点</t>
    <rPh sb="1" eb="2">
      <t>テン</t>
    </rPh>
    <phoneticPr fontId="3"/>
  </si>
  <si>
    <t>1点 ～ 3点</t>
    <rPh sb="1" eb="2">
      <t>テン</t>
    </rPh>
    <rPh sb="6" eb="7">
      <t>テン</t>
    </rPh>
    <phoneticPr fontId="3"/>
  </si>
  <si>
    <t>仕事のやりがい</t>
    <rPh sb="0" eb="2">
      <t>シゴト</t>
    </rPh>
    <phoneticPr fontId="3"/>
  </si>
  <si>
    <t>職場の活気</t>
    <rPh sb="0" eb="2">
      <t>ショクバ</t>
    </rPh>
    <rPh sb="3" eb="5">
      <t>カッキ</t>
    </rPh>
    <phoneticPr fontId="3"/>
  </si>
  <si>
    <t>② －２　モチベーションの変化（事後調査）　調査対象人数　人</t>
    <rPh sb="16" eb="18">
      <t>ジゴ</t>
    </rPh>
    <rPh sb="18" eb="20">
      <t>チョウサ</t>
    </rPh>
    <phoneticPr fontId="3"/>
  </si>
  <si>
    <t>備考　詳細については、別途通知（「指定居宅サービス等の事業の人員、設備及び運営に関する基準」等における生産性向上に先進的に取り組む特定施設等に係る人員配置基準の留意点について」）を参照すること。</t>
    <rPh sb="0" eb="2">
      <t>ビコウ</t>
    </rPh>
    <phoneticPr fontId="3"/>
  </si>
  <si>
    <t>　　　</t>
    <phoneticPr fontId="3"/>
  </si>
  <si>
    <t>サービス提供体制強化加算（Ⅰ）</t>
    <rPh sb="4" eb="6">
      <t>テイキョウ</t>
    </rPh>
    <rPh sb="6" eb="8">
      <t>タイセイ</t>
    </rPh>
    <rPh sb="8" eb="10">
      <t>キョウカ</t>
    </rPh>
    <rPh sb="10" eb="12">
      <t>カサン</t>
    </rPh>
    <phoneticPr fontId="3"/>
  </si>
  <si>
    <t>サービス提供体制強化加算（Ⅱ）</t>
    <rPh sb="4" eb="6">
      <t>テイキョウ</t>
    </rPh>
    <rPh sb="6" eb="8">
      <t>タイセイ</t>
    </rPh>
    <rPh sb="8" eb="10">
      <t>キョウカ</t>
    </rPh>
    <rPh sb="10" eb="12">
      <t>カサン</t>
    </rPh>
    <phoneticPr fontId="3"/>
  </si>
  <si>
    <t>サービス提供体制強化加算（Ⅲ）</t>
    <rPh sb="4" eb="6">
      <t>テイキョウ</t>
    </rPh>
    <rPh sb="6" eb="8">
      <t>タイセイ</t>
    </rPh>
    <rPh sb="8" eb="10">
      <t>キョウカ</t>
    </rPh>
    <rPh sb="10" eb="12">
      <t>カサン</t>
    </rPh>
    <phoneticPr fontId="3"/>
  </si>
  <si>
    <t>上記「サービス提供体制強化加算（Ⅰ）」の添付書類のうち①～④</t>
  </si>
  <si>
    <t>①サービス提供体制強化加算に関する届出書（別紙14-5)
②研修の実施計画
③利用者情報若しくはサービス提供上の留意事項の伝達又は技術指導を目的とした会議の開催を確認できる書面（会議録等）
④健康診断の実施状況を確認できる書面
⑤従業者の勤務の体制及び勤務形態一覧表(別紙7)
⑥介護福祉士の資格証の写し
※⑦は算定要件に応じて添付
⑦雇用期間証明書(勤続年数10年以上であることが確認できること）（任意様式）</t>
    <phoneticPr fontId="3"/>
  </si>
  <si>
    <t xml:space="preserve">①サービス提供体制強化加算に関する届出書（別紙14-5)
②従業者の勤務の体制及び勤務形態一覧表(別紙7)
※③～⑤は算定要件に応じて添付
③介護福祉士の資格証の写し
④実務者研修修了者及び介護職員基礎研修課程修了者の修了証の写し
⑤雇用期間証明書(勤続年数7年以上であることが確認できること）（任意様式）
</t>
    <rPh sb="85" eb="88">
      <t>ジツムシャ</t>
    </rPh>
    <rPh sb="88" eb="90">
      <t>ケンシュウ</t>
    </rPh>
    <rPh sb="90" eb="93">
      <t>シュウリョウシャ</t>
    </rPh>
    <rPh sb="93" eb="94">
      <t>オヨ</t>
    </rPh>
    <rPh sb="95" eb="97">
      <t>カイゴ</t>
    </rPh>
    <rPh sb="97" eb="99">
      <t>ショクイン</t>
    </rPh>
    <rPh sb="99" eb="101">
      <t>キソ</t>
    </rPh>
    <rPh sb="101" eb="103">
      <t>ケンシュウ</t>
    </rPh>
    <rPh sb="103" eb="105">
      <t>カテイ</t>
    </rPh>
    <rPh sb="105" eb="108">
      <t>シュウリョウシャ</t>
    </rPh>
    <phoneticPr fontId="6"/>
  </si>
  <si>
    <t>①地域密着型サービス事業者又は地域密着型介護予防サービス事業者等による介護給付費の割引に係る割引率の設定について（別紙5-2）</t>
    <phoneticPr fontId="3"/>
  </si>
  <si>
    <t>（別紙５ー２）</t>
    <phoneticPr fontId="3"/>
  </si>
  <si>
    <t>（宛先）富山市長</t>
    <rPh sb="1" eb="3">
      <t>アテサキ</t>
    </rPh>
    <rPh sb="4" eb="8">
      <t>トヤマシチョウ</t>
    </rPh>
    <phoneticPr fontId="3"/>
  </si>
  <si>
    <t>　　記載してください。</t>
    <phoneticPr fontId="3"/>
  </si>
  <si>
    <t>（別紙42）</t>
    <phoneticPr fontId="3"/>
  </si>
  <si>
    <t>総合マネジメント体制強化加算に係る届出書</t>
    <rPh sb="0" eb="2">
      <t>ソウゴウ</t>
    </rPh>
    <rPh sb="8" eb="10">
      <t>タイセイ</t>
    </rPh>
    <rPh sb="10" eb="12">
      <t>キョウカ</t>
    </rPh>
    <rPh sb="12" eb="14">
      <t>カサン</t>
    </rPh>
    <rPh sb="15" eb="16">
      <t>カカ</t>
    </rPh>
    <rPh sb="17" eb="20">
      <t>トドケデショ</t>
    </rPh>
    <phoneticPr fontId="3"/>
  </si>
  <si>
    <t>施設等の区分</t>
    <phoneticPr fontId="3"/>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2　(介護予防）小規模多機能型居宅介護事業所</t>
    <rPh sb="8" eb="11">
      <t>ショウキボ</t>
    </rPh>
    <rPh sb="11" eb="15">
      <t>タキノウガタ</t>
    </rPh>
    <rPh sb="15" eb="17">
      <t>キョタク</t>
    </rPh>
    <rPh sb="17" eb="19">
      <t>カイゴ</t>
    </rPh>
    <rPh sb="19" eb="22">
      <t>ジギョウショ</t>
    </rPh>
    <phoneticPr fontId="3"/>
  </si>
  <si>
    <t>3　看護小規模多機能型居宅介護事業所</t>
    <phoneticPr fontId="3"/>
  </si>
  <si>
    <t>1　総合マネジメント体制強化加算（Ⅰ）</t>
    <rPh sb="2" eb="4">
      <t>ソウゴウ</t>
    </rPh>
    <rPh sb="10" eb="12">
      <t>タイセイ</t>
    </rPh>
    <rPh sb="12" eb="14">
      <t>キョウカ</t>
    </rPh>
    <rPh sb="14" eb="16">
      <t>カサン</t>
    </rPh>
    <phoneticPr fontId="3"/>
  </si>
  <si>
    <t>2　総合マネジメント体制強化加算（Ⅱ）</t>
    <phoneticPr fontId="3"/>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3"/>
  </si>
  <si>
    <t>○定期巡回・随時対応型訪問介護看護</t>
    <phoneticPr fontId="3"/>
  </si>
  <si>
    <t xml:space="preserve">① </t>
    <phoneticPr fontId="3"/>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3"/>
  </si>
  <si>
    <t>②</t>
    <phoneticPr fontId="3"/>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3"/>
  </si>
  <si>
    <t>③</t>
    <phoneticPr fontId="3"/>
  </si>
  <si>
    <t>日常的に利用者と関わりのある地域住民等の相談に対応する体制を確保していること。</t>
    <phoneticPr fontId="3"/>
  </si>
  <si>
    <t>④</t>
    <phoneticPr fontId="3"/>
  </si>
  <si>
    <t>地域住民等との連携により、地域資源を効果的に活用し、利用者の状態に応じた支援を行っている。</t>
    <phoneticPr fontId="3"/>
  </si>
  <si>
    <t>⑤</t>
    <phoneticPr fontId="3"/>
  </si>
  <si>
    <t>事業所の
特性に
応じて
１つ以上実施している</t>
    <phoneticPr fontId="3"/>
  </si>
  <si>
    <t>障害福祉サービス事業所、児童福祉施設等と協働し、地域において世代間の交流を行っている。</t>
    <rPh sb="37" eb="38">
      <t>オコナ</t>
    </rPh>
    <phoneticPr fontId="3"/>
  </si>
  <si>
    <t xml:space="preserve">地域住民等、他事業所等と共同で事例検討会、研修会等を実施している。 </t>
    <phoneticPr fontId="3"/>
  </si>
  <si>
    <t>市町村が実施する通いの場や在宅医療・介護連携推進事業等の地域支援事業等に参加している。</t>
    <phoneticPr fontId="3"/>
  </si>
  <si>
    <t>地域住民及び利用者の住まいに関する相談に応じ、必要な支援を行っている。</t>
    <phoneticPr fontId="3"/>
  </si>
  <si>
    <t>○（介護予防）小規模多機能型居宅介護</t>
    <phoneticPr fontId="3"/>
  </si>
  <si>
    <t xml:space="preserve">① </t>
    <phoneticPr fontId="3"/>
  </si>
  <si>
    <t>利用者の心身の状況又はその家族等を取り巻く環境の変化に応じ、随時、介護支援専門員、看護師、准看護師、介護職員その他の関係者が共同し、小規模多機能型居宅介護計画の見直しを行っている。</t>
    <phoneticPr fontId="3"/>
  </si>
  <si>
    <t>利用者の地域における多様な活動が確保されるよう、日常的に地域住民等との交流を図り、利用者の状態に応じて、地域の行事や活動等に積極的に参加している。</t>
    <phoneticPr fontId="3"/>
  </si>
  <si>
    <t>③</t>
    <phoneticPr fontId="3"/>
  </si>
  <si>
    <t>必要に応じて、多様な主体が提供する生活支援のサービス（インフォーマルサービス含む）が包括的に提供されるような居宅サービス計画を作成している。</t>
    <phoneticPr fontId="3"/>
  </si>
  <si>
    <t>事業所の
特性に
応じて
１つ以上実施している</t>
    <phoneticPr fontId="3"/>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3"/>
  </si>
  <si>
    <t>市町村が実施する通いの場や在宅医療・介護連携推進事業等の地域支援事業等に参加している。</t>
    <phoneticPr fontId="3"/>
  </si>
  <si>
    <t>○看護小規模多機能型居宅介護</t>
    <phoneticPr fontId="3"/>
  </si>
  <si>
    <t>①</t>
    <phoneticPr fontId="3"/>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3"/>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3"/>
  </si>
  <si>
    <t>日常的に利用者と関わりのある地域住民等の相談に対応する体制を確保していること。</t>
    <phoneticPr fontId="3"/>
  </si>
  <si>
    <t>⑥</t>
    <phoneticPr fontId="3"/>
  </si>
  <si>
    <t xml:space="preserve">地域住民等、他事業所等と共同で事例検討会、研修会等を実施している。 </t>
    <phoneticPr fontId="3"/>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3"/>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3"/>
  </si>
  <si>
    <t>①</t>
    <phoneticPr fontId="3"/>
  </si>
  <si>
    <t>総合マネジメント体制強化加算（Ⅰ）の基準の①～②のいずれにも該当している。</t>
    <phoneticPr fontId="3"/>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3"/>
  </si>
  <si>
    <t>総合マネジメント体制強化加算（Ⅰ）の基準の①～③のいずれにも該当している。</t>
    <phoneticPr fontId="3"/>
  </si>
  <si>
    <t>備考　要件を満たすことが分かる根拠書類を準備し、指定権者からの求めがあった場合には、</t>
    <phoneticPr fontId="3"/>
  </si>
  <si>
    <t>①訪問体制強化加算に係る届出書（別紙45）
②従業者の勤務の体制及び勤務形態一覧表(別紙7-a)</t>
    <rPh sb="16" eb="18">
      <t>ベッシ</t>
    </rPh>
    <phoneticPr fontId="3"/>
  </si>
  <si>
    <t>介護給付費算定に係る体制等状況一覧表　添付書類一覧（看護小規模多機能型居宅介護）</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rPh sb="26" eb="28">
      <t>カンゴ</t>
    </rPh>
    <rPh sb="28" eb="31">
      <t>ショウキボ</t>
    </rPh>
    <rPh sb="31" eb="35">
      <t>タキノウガタ</t>
    </rPh>
    <rPh sb="35" eb="37">
      <t>キョタク</t>
    </rPh>
    <rPh sb="37" eb="39">
      <t>カイゴ</t>
    </rPh>
    <phoneticPr fontId="3"/>
  </si>
  <si>
    <t>市HPの「処遇改善加算等について」をご覧ください。</t>
    <rPh sb="0" eb="1">
      <t>シ</t>
    </rPh>
    <rPh sb="5" eb="7">
      <t>ショグウ</t>
    </rPh>
    <rPh sb="11" eb="12">
      <t>トウ</t>
    </rPh>
    <rPh sb="19" eb="20">
      <t>ラン</t>
    </rPh>
    <phoneticPr fontId="2"/>
  </si>
  <si>
    <t>訪問看護体制減算</t>
    <phoneticPr fontId="3"/>
  </si>
  <si>
    <t>（別紙49）</t>
    <phoneticPr fontId="3"/>
  </si>
  <si>
    <t>看護体制及びサテライト体制に係る届出書（看護小規模多機能型居宅介護事業所）</t>
    <rPh sb="4" eb="5">
      <t>オヨ</t>
    </rPh>
    <rPh sb="11" eb="13">
      <t>タイセイ</t>
    </rPh>
    <phoneticPr fontId="3"/>
  </si>
  <si>
    <t>届出項目</t>
    <rPh sb="0" eb="2">
      <t>トドケデ</t>
    </rPh>
    <rPh sb="2" eb="4">
      <t>コウモク</t>
    </rPh>
    <phoneticPr fontId="3"/>
  </si>
  <si>
    <t>１  看護体制強化加算（Ⅰ）</t>
    <phoneticPr fontId="3"/>
  </si>
  <si>
    <t>２  看護体制強化加算（Ⅱ）　</t>
    <phoneticPr fontId="3"/>
  </si>
  <si>
    <t>３  訪問看護体制減算</t>
    <phoneticPr fontId="3"/>
  </si>
  <si>
    <t>４  サテライト体制未整備減算</t>
    <phoneticPr fontId="3"/>
  </si>
  <si>
    <t>○　看護体制強化加算に係る届出内容</t>
    <phoneticPr fontId="3"/>
  </si>
  <si>
    <t>１　看護サービスの
　提供状況</t>
    <rPh sb="2" eb="4">
      <t>カンゴ</t>
    </rPh>
    <rPh sb="11" eb="13">
      <t>テイキョウ</t>
    </rPh>
    <rPh sb="13" eb="15">
      <t>ジョウキョウ</t>
    </rPh>
    <phoneticPr fontId="3"/>
  </si>
  <si>
    <t>前３か月間の実利用者の総数</t>
    <phoneticPr fontId="3"/>
  </si>
  <si>
    <t>・</t>
    <phoneticPr fontId="3"/>
  </si>
  <si>
    <t>②</t>
    <phoneticPr fontId="3"/>
  </si>
  <si>
    <t>①のうち主治の医師の指示に基づき看護サービスを提供した実利用者数</t>
    <phoneticPr fontId="3"/>
  </si>
  <si>
    <t>→</t>
    <phoneticPr fontId="3"/>
  </si>
  <si>
    <t>①に占める②の割合が
８０％以上</t>
    <rPh sb="2" eb="3">
      <t>シ</t>
    </rPh>
    <rPh sb="7" eb="8">
      <t>ワリ</t>
    </rPh>
    <rPh sb="8" eb="9">
      <t>ゴウ</t>
    </rPh>
    <rPh sb="14" eb="16">
      <t>イジョウ</t>
    </rPh>
    <phoneticPr fontId="3"/>
  </si>
  <si>
    <t>２　緊急時訪問看護
　加算の算定状況</t>
    <rPh sb="2" eb="5">
      <t>キンキュウジ</t>
    </rPh>
    <rPh sb="5" eb="7">
      <t>ホウモン</t>
    </rPh>
    <rPh sb="7" eb="9">
      <t>カンゴ</t>
    </rPh>
    <rPh sb="11" eb="13">
      <t>カサン</t>
    </rPh>
    <rPh sb="14" eb="16">
      <t>サンテイ</t>
    </rPh>
    <rPh sb="16" eb="18">
      <t>ジョウキョウ</t>
    </rPh>
    <phoneticPr fontId="3"/>
  </si>
  <si>
    <t>①</t>
    <phoneticPr fontId="3"/>
  </si>
  <si>
    <t>前３か月間の実利用者の総数</t>
    <phoneticPr fontId="3"/>
  </si>
  <si>
    <t>②</t>
    <phoneticPr fontId="3"/>
  </si>
  <si>
    <t>①のうち緊急時訪問看護加算を算定した実利用者数</t>
    <phoneticPr fontId="3"/>
  </si>
  <si>
    <t>→</t>
    <phoneticPr fontId="3"/>
  </si>
  <si>
    <t>①に占める②の割合が
５０％以上</t>
    <rPh sb="2" eb="3">
      <t>シ</t>
    </rPh>
    <rPh sb="7" eb="8">
      <t>ワリ</t>
    </rPh>
    <rPh sb="8" eb="9">
      <t>ゴウ</t>
    </rPh>
    <rPh sb="14" eb="16">
      <t>イジョウ</t>
    </rPh>
    <phoneticPr fontId="3"/>
  </si>
  <si>
    <t>３　特別管理加算の
　算定状況</t>
    <phoneticPr fontId="3"/>
  </si>
  <si>
    <t>前３か月間の実利用者の総数</t>
    <phoneticPr fontId="3"/>
  </si>
  <si>
    <t>・</t>
    <phoneticPr fontId="3"/>
  </si>
  <si>
    <t>②</t>
    <phoneticPr fontId="3"/>
  </si>
  <si>
    <t>①のうち特別管理加算(Ⅰ)又は(Ⅱ)を算定した実利用者数</t>
    <phoneticPr fontId="3"/>
  </si>
  <si>
    <t>→</t>
    <phoneticPr fontId="3"/>
  </si>
  <si>
    <t>①に占める②の割合が
２０％以上</t>
    <rPh sb="2" eb="3">
      <t>シ</t>
    </rPh>
    <rPh sb="7" eb="8">
      <t>ワリ</t>
    </rPh>
    <rPh sb="8" eb="9">
      <t>ゴウ</t>
    </rPh>
    <rPh sb="14" eb="16">
      <t>イジョウ</t>
    </rPh>
    <phoneticPr fontId="3"/>
  </si>
  <si>
    <t>４　ターミナルケア
　加算の算定状況</t>
    <phoneticPr fontId="3"/>
  </si>
  <si>
    <t>①</t>
    <phoneticPr fontId="3"/>
  </si>
  <si>
    <t>前１２か月間のターミナルケア加算の算定人数</t>
    <phoneticPr fontId="3"/>
  </si>
  <si>
    <t>１人以上</t>
    <rPh sb="1" eb="2">
      <t>ニン</t>
    </rPh>
    <rPh sb="2" eb="4">
      <t>イジョウ</t>
    </rPh>
    <phoneticPr fontId="3"/>
  </si>
  <si>
    <t>・</t>
    <phoneticPr fontId="3"/>
  </si>
  <si>
    <t>５　登録特定行為事業者又は登録喀痰吸引等事業者として届出がなされている</t>
    <phoneticPr fontId="3"/>
  </si>
  <si>
    <t>○　訪問看護体制減算に係る届出内容</t>
    <phoneticPr fontId="3"/>
  </si>
  <si>
    <t>前３か月間の実利用者の総数</t>
    <phoneticPr fontId="3"/>
  </si>
  <si>
    <t>①に占める②の割合が
３０％未満</t>
    <rPh sb="2" eb="3">
      <t>シ</t>
    </rPh>
    <rPh sb="7" eb="8">
      <t>ワリ</t>
    </rPh>
    <rPh sb="8" eb="9">
      <t>ゴウ</t>
    </rPh>
    <rPh sb="14" eb="16">
      <t>ミマン</t>
    </rPh>
    <phoneticPr fontId="3"/>
  </si>
  <si>
    <t>２　緊急時訪問看護
　加算の算定状況</t>
    <phoneticPr fontId="3"/>
  </si>
  <si>
    <t>①のうち緊急時訪問看護加算を算定した実利用者数</t>
    <phoneticPr fontId="3"/>
  </si>
  <si>
    <t>３　特別管理加算の
　算定状況</t>
    <phoneticPr fontId="3"/>
  </si>
  <si>
    <t>①のうち特別管理加算(Ⅰ)又は(Ⅱ)を算定した実利用者数</t>
    <phoneticPr fontId="3"/>
  </si>
  <si>
    <t>①に占める②の割合が
５％未満</t>
    <rPh sb="2" eb="3">
      <t>シ</t>
    </rPh>
    <rPh sb="7" eb="8">
      <t>ワリ</t>
    </rPh>
    <rPh sb="8" eb="9">
      <t>ゴウ</t>
    </rPh>
    <rPh sb="13" eb="15">
      <t>ミマン</t>
    </rPh>
    <phoneticPr fontId="3"/>
  </si>
  <si>
    <t>○　サテライト体制未整備減算に係る届出内容</t>
    <rPh sb="7" eb="9">
      <t>タイセイ</t>
    </rPh>
    <rPh sb="9" eb="12">
      <t>ミセイビ</t>
    </rPh>
    <phoneticPr fontId="3"/>
  </si>
  <si>
    <t>１　訪問看護体制減
　算の届出状況</t>
    <rPh sb="2" eb="4">
      <t>ホウモン</t>
    </rPh>
    <rPh sb="4" eb="6">
      <t>カンゴ</t>
    </rPh>
    <rPh sb="6" eb="8">
      <t>タイセイ</t>
    </rPh>
    <rPh sb="8" eb="9">
      <t>ゲン</t>
    </rPh>
    <rPh sb="11" eb="12">
      <t>サン</t>
    </rPh>
    <rPh sb="13" eb="15">
      <t>トドケデ</t>
    </rPh>
    <rPh sb="15" eb="17">
      <t>ジョウキョウ</t>
    </rPh>
    <phoneticPr fontId="3"/>
  </si>
  <si>
    <t>サテライト型看護小規模多機能型居宅介護事業所の本体事業所における訪問看護体制減算の届出</t>
    <rPh sb="41" eb="43">
      <t>トドケデ</t>
    </rPh>
    <phoneticPr fontId="3"/>
  </si>
  <si>
    <t>サテライト型看護小規模多機能型居宅介護事業所における訪問看護体制減算の届出</t>
    <rPh sb="35" eb="37">
      <t>トドケデ</t>
    </rPh>
    <phoneticPr fontId="3"/>
  </si>
  <si>
    <t>サテライト体制未整備減算</t>
    <rPh sb="7" eb="12">
      <t>ミセイビゲンサン</t>
    </rPh>
    <phoneticPr fontId="3"/>
  </si>
  <si>
    <t>看護体制及びサテライト体制に係る届出書（別紙49）</t>
    <rPh sb="20" eb="22">
      <t>ベッシ</t>
    </rPh>
    <phoneticPr fontId="3"/>
  </si>
  <si>
    <t>看護体制及びサテライト体制に係る届出書（別紙49）</t>
    <phoneticPr fontId="3"/>
  </si>
  <si>
    <t>口腔機能向上加算</t>
    <phoneticPr fontId="3"/>
  </si>
  <si>
    <t>栄養アセスメント加算
栄養改善加算</t>
    <rPh sb="8" eb="10">
      <t>カサン</t>
    </rPh>
    <rPh sb="15" eb="17">
      <t>カサン</t>
    </rPh>
    <phoneticPr fontId="3"/>
  </si>
  <si>
    <t>①従業者の勤務の体制及び勤務形態一覧表(別紙7-a)
②管理栄養士の資格証の写し
③計画書様式
④外部との連携により管理栄養士を配置する場合は、外部と連携していることがわかる契約書等の写し</t>
    <phoneticPr fontId="3"/>
  </si>
  <si>
    <t>①従業者の勤務の体制及び勤務形態一覧表(別紙7-a)
②言語聴覚士､歯科衛生士又は看護職員の資格証の写し
③計画書様式</t>
    <phoneticPr fontId="3"/>
  </si>
  <si>
    <t>緊急時対応加算</t>
    <phoneticPr fontId="3"/>
  </si>
  <si>
    <t>特別管理体制</t>
  </si>
  <si>
    <t>①緊急時（介護予防）訪問看護加算・緊急時対応加算・特別管理体制・ターミナルケア体制に係る届出書(別紙16）
②従業者の勤務の体制及び勤務形態一覧表」(別紙7-a)</t>
    <rPh sb="48" eb="50">
      <t>ベッシ</t>
    </rPh>
    <phoneticPr fontId="3"/>
  </si>
  <si>
    <t>（別紙16）</t>
    <phoneticPr fontId="3"/>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3"/>
  </si>
  <si>
    <t>1　(介護予防）訪問看護事業所（訪問看護ステーション）</t>
    <phoneticPr fontId="3"/>
  </si>
  <si>
    <t>2　(介護予防）訪問看護事業所（病院又は診療所）</t>
    <phoneticPr fontId="3"/>
  </si>
  <si>
    <t>3　定期巡回・随時対応型訪問介護看護事業所</t>
    <phoneticPr fontId="3"/>
  </si>
  <si>
    <t>4　看護小規模多機能型居宅介護事業所</t>
    <phoneticPr fontId="3"/>
  </si>
  <si>
    <t>1　緊急時（介護予防）訪問看護加算</t>
    <phoneticPr fontId="3"/>
  </si>
  <si>
    <t>2　緊急時対応加算</t>
    <rPh sb="2" eb="5">
      <t>キンキュウジ</t>
    </rPh>
    <rPh sb="5" eb="7">
      <t>タイオウ</t>
    </rPh>
    <rPh sb="7" eb="9">
      <t>カサン</t>
    </rPh>
    <phoneticPr fontId="3"/>
  </si>
  <si>
    <t>3　特別管理加算に係る体制</t>
    <phoneticPr fontId="3"/>
  </si>
  <si>
    <t>4　ターミナルケア体制</t>
    <phoneticPr fontId="3"/>
  </si>
  <si>
    <t xml:space="preserve"> 1　緊急時（介護予防）訪問看護加算又は緊急時対応加算に係る届出内容</t>
    <rPh sb="18" eb="19">
      <t>マタ</t>
    </rPh>
    <rPh sb="20" eb="23">
      <t>キンキュウジ</t>
    </rPh>
    <rPh sb="23" eb="25">
      <t>タイオウ</t>
    </rPh>
    <rPh sb="25" eb="27">
      <t>カサン</t>
    </rPh>
    <phoneticPr fontId="3"/>
  </si>
  <si>
    <t>①　連絡相談を担当する職員 （</t>
    <phoneticPr fontId="3"/>
  </si>
  <si>
    <t>　）人</t>
    <rPh sb="2" eb="3">
      <t>ニン</t>
    </rPh>
    <phoneticPr fontId="3"/>
  </si>
  <si>
    <t>保健師</t>
  </si>
  <si>
    <t>人</t>
  </si>
  <si>
    <t>常勤</t>
  </si>
  <si>
    <t>非常勤</t>
  </si>
  <si>
    <t>看護師</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3"/>
  </si>
  <si>
    <t>・</t>
    <phoneticPr fontId="3"/>
  </si>
  <si>
    <t>・</t>
  </si>
  <si>
    <t>　保健師、看護師以外の職員</t>
    <rPh sb="1" eb="4">
      <t>ホケンシ</t>
    </rPh>
    <rPh sb="5" eb="8">
      <t>カンゴシ</t>
    </rPh>
    <rPh sb="8" eb="10">
      <t>イガイ</t>
    </rPh>
    <rPh sb="11" eb="13">
      <t>ショクイン</t>
    </rPh>
    <phoneticPr fontId="3"/>
  </si>
  <si>
    <t>理学療法士</t>
    <rPh sb="0" eb="2">
      <t>リガク</t>
    </rPh>
    <rPh sb="2" eb="5">
      <t>リョウホウシ</t>
    </rPh>
    <phoneticPr fontId="3"/>
  </si>
  <si>
    <t>作業療法士</t>
    <rPh sb="0" eb="2">
      <t>サギョウ</t>
    </rPh>
    <rPh sb="2" eb="5">
      <t>リョウホウシ</t>
    </rPh>
    <phoneticPr fontId="3"/>
  </si>
  <si>
    <t>言語聴覚士</t>
    <rPh sb="0" eb="2">
      <t>ゲンゴ</t>
    </rPh>
    <rPh sb="2" eb="5">
      <t>チョウカクシ</t>
    </rPh>
    <phoneticPr fontId="3"/>
  </si>
  <si>
    <t>事務職員</t>
    <rPh sb="0" eb="2">
      <t>ジム</t>
    </rPh>
    <rPh sb="2" eb="4">
      <t>ショクイン</t>
    </rPh>
    <phoneticPr fontId="3"/>
  </si>
  <si>
    <t>その他</t>
    <rPh sb="2" eb="3">
      <t>タ</t>
    </rPh>
    <phoneticPr fontId="3"/>
  </si>
  <si>
    <t>②　連絡方法</t>
    <phoneticPr fontId="3"/>
  </si>
  <si>
    <t>③　連絡先電話番号</t>
    <phoneticPr fontId="3"/>
  </si>
  <si>
    <t>（</t>
    <phoneticPr fontId="3"/>
  </si>
  <si>
    <t>）</t>
    <phoneticPr fontId="3"/>
  </si>
  <si>
    <t>（</t>
    <phoneticPr fontId="3"/>
  </si>
  <si>
    <t>）</t>
    <phoneticPr fontId="3"/>
  </si>
  <si>
    <t>（</t>
    <phoneticPr fontId="3"/>
  </si>
  <si>
    <t>）</t>
    <phoneticPr fontId="3"/>
  </si>
  <si>
    <t>）</t>
    <phoneticPr fontId="3"/>
  </si>
  <si>
    <t xml:space="preserve"> 2　看護師等以外の職員が利用者又は家族等からの電話連絡を受ける場合に必要な</t>
    <rPh sb="29" eb="30">
      <t>ウ</t>
    </rPh>
    <rPh sb="32" eb="34">
      <t>バアイ</t>
    </rPh>
    <rPh sb="35" eb="37">
      <t>ヒツヨウ</t>
    </rPh>
    <phoneticPr fontId="3"/>
  </si>
  <si>
    <t>・</t>
    <phoneticPr fontId="3"/>
  </si>
  <si>
    <t>体制　※ (介護予防）訪問看護事業所のみ</t>
    <rPh sb="0" eb="2">
      <t>タイセイ</t>
    </rPh>
    <phoneticPr fontId="3"/>
  </si>
  <si>
    <t>①　看護師等以外の職員が利用者又はその家族等からの電話等による連絡及び</t>
    <phoneticPr fontId="3"/>
  </si>
  <si>
    <t>マニュアル添付</t>
    <rPh sb="5" eb="7">
      <t>テンプ</t>
    </rPh>
    <phoneticPr fontId="3"/>
  </si>
  <si>
    <t>　 相談に対応する際のマニュアルが整備されていること。</t>
    <phoneticPr fontId="3"/>
  </si>
  <si>
    <t>②　緊急の訪問看護の必要性の判断を保健師又は看護師が速やかに行え
る連絡</t>
    <phoneticPr fontId="3"/>
  </si>
  <si>
    <t xml:space="preserve">    体制及び緊急の訪問看護が可能な体制が整備されているこ
と。</t>
    <phoneticPr fontId="3"/>
  </si>
  <si>
    <t>③　当該訪問看護ステーションの管理者は、連絡相談を担当する看護師
等以外の</t>
    <phoneticPr fontId="3"/>
  </si>
  <si>
    <t xml:space="preserve">    職員の勤務体制及び勤務状況を明らかにすること。</t>
    <phoneticPr fontId="3"/>
  </si>
  <si>
    <t>④　看護師等以外の職員は、電話等により連絡及び相談を受けた際に、保
健師</t>
    <phoneticPr fontId="3"/>
  </si>
  <si>
    <t xml:space="preserve">    又は看護師へ報告すること。報告を受けた保健師又は看護師は、当該報告</t>
    <phoneticPr fontId="3"/>
  </si>
  <si>
    <t xml:space="preserve">    内容等を訪問看護記録書に記録すること。</t>
    <phoneticPr fontId="3"/>
  </si>
  <si>
    <t>⑤　①から④について、利用者及び家族等に説明し、同意を得ること。</t>
    <phoneticPr fontId="3"/>
  </si>
  <si>
    <t>3　緊急時（介護予防）訪問看護加算（Ⅰ）に係る届出内容（①又は②は必須項目）</t>
    <rPh sb="29" eb="30">
      <t>マタ</t>
    </rPh>
    <rPh sb="33" eb="35">
      <t>ヒッス</t>
    </rPh>
    <rPh sb="35" eb="37">
      <t>コウモク</t>
    </rPh>
    <phoneticPr fontId="3"/>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3"/>
  </si>
  <si>
    <t>①　夜間対応した翌日の勤務間隔の確保</t>
    <phoneticPr fontId="3"/>
  </si>
  <si>
    <t>②　夜間対応に係る勤務の連続回数が２連続（２回）まで</t>
    <rPh sb="9" eb="11">
      <t>キンム</t>
    </rPh>
    <rPh sb="14" eb="16">
      <t>カイスウ</t>
    </rPh>
    <rPh sb="18" eb="20">
      <t>レンゾク</t>
    </rPh>
    <phoneticPr fontId="3"/>
  </si>
  <si>
    <t>③　夜間対応後の暦日の休日確保</t>
    <phoneticPr fontId="3"/>
  </si>
  <si>
    <t>④　夜間勤務のニーズを踏まえた勤務体制の工夫</t>
    <phoneticPr fontId="3"/>
  </si>
  <si>
    <t>⑤　ICT、AI、IoT等の活用による業務負担軽減</t>
    <rPh sb="12" eb="13">
      <t>トウ</t>
    </rPh>
    <phoneticPr fontId="3"/>
  </si>
  <si>
    <t>⑥　電話等による連絡及び相談を担当する者に対する支援体制の確保</t>
    <phoneticPr fontId="3"/>
  </si>
  <si>
    <t>備考　緊急時の（介護予防）訪問看護、特別管理、ターミナルケアのそれぞれについて、体制を</t>
    <rPh sb="8" eb="10">
      <t>カイゴ</t>
    </rPh>
    <rPh sb="10" eb="12">
      <t>ヨボウ</t>
    </rPh>
    <phoneticPr fontId="3"/>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3"/>
  </si>
  <si>
    <t>　　場合には、２の①の「マニュアル」も添付してください。</t>
    <rPh sb="2" eb="4">
      <t>バアイ</t>
    </rPh>
    <rPh sb="19" eb="21">
      <t>テンプ</t>
    </rPh>
    <phoneticPr fontId="3"/>
  </si>
  <si>
    <t>（別紙16）</t>
    <phoneticPr fontId="3"/>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3"/>
  </si>
  <si>
    <t>異動等区分</t>
    <phoneticPr fontId="3"/>
  </si>
  <si>
    <t>1　新規</t>
    <phoneticPr fontId="3"/>
  </si>
  <si>
    <t>2　変更</t>
    <phoneticPr fontId="3"/>
  </si>
  <si>
    <t>3　終了</t>
    <phoneticPr fontId="3"/>
  </si>
  <si>
    <t>2　(介護予防）訪問看護事業所（病院又は診療所）</t>
    <phoneticPr fontId="3"/>
  </si>
  <si>
    <t>3　定期巡回・随時対応型訪問介護看護事業所</t>
    <phoneticPr fontId="3"/>
  </si>
  <si>
    <t>4　特別管理加算に係る体制の届出内容</t>
    <rPh sb="11" eb="13">
      <t>タイセイ</t>
    </rPh>
    <rPh sb="14" eb="16">
      <t>トドケデ</t>
    </rPh>
    <phoneticPr fontId="3"/>
  </si>
  <si>
    <t>①　24時間常時連絡できる体制を整備している。</t>
    <phoneticPr fontId="3"/>
  </si>
  <si>
    <t>②　当該加算に対応可能な職員体制・勤務体制を整備している。</t>
    <phoneticPr fontId="3"/>
  </si>
  <si>
    <t>③　病状の変化、医療器具に係る取扱い等において医療機関等との密接な</t>
    <phoneticPr fontId="3"/>
  </si>
  <si>
    <t>　連携体制を整備している。</t>
    <phoneticPr fontId="3"/>
  </si>
  <si>
    <t xml:space="preserve"> 5　ターミナルケア体制に係る届出内容</t>
    <rPh sb="10" eb="12">
      <t>タイセイ</t>
    </rPh>
    <rPh sb="15" eb="17">
      <t>トドケデ</t>
    </rPh>
    <phoneticPr fontId="3"/>
  </si>
  <si>
    <t>①　24時間常時連絡できる体制を整備している。</t>
    <phoneticPr fontId="3"/>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3"/>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3"/>
  </si>
  <si>
    <t>ターミナルケア体制</t>
    <rPh sb="7" eb="9">
      <t>タイセイ</t>
    </rPh>
    <phoneticPr fontId="3"/>
  </si>
  <si>
    <t>専門管理加算</t>
    <phoneticPr fontId="3"/>
  </si>
  <si>
    <t>①専門管理加算に係る届出書(様式17)
②専門の研修を修了したことが確認できる文書（当該研修の名称、実施主体、修了日及び修了者の氏名等を記載した一覧でも可）</t>
    <phoneticPr fontId="3"/>
  </si>
  <si>
    <t>遠隔死亡診断補助加算</t>
    <phoneticPr fontId="3"/>
  </si>
  <si>
    <t>①遠隔死亡診断補助加算に係る届出書（別紙18）
②専門の研修を修了したことが確認できる文書（当該研修の名称、実施主体、修了日及び修了者の氏名等を記載した一覧でも可）</t>
    <rPh sb="18" eb="20">
      <t>ベッシ</t>
    </rPh>
    <phoneticPr fontId="3"/>
  </si>
  <si>
    <t>看護体制強化加算（Ⅰ）（Ⅱ）</t>
    <rPh sb="0" eb="2">
      <t>カンゴ</t>
    </rPh>
    <rPh sb="2" eb="6">
      <t>タイセイキョウカ</t>
    </rPh>
    <rPh sb="6" eb="8">
      <t>カサン</t>
    </rPh>
    <phoneticPr fontId="3"/>
  </si>
  <si>
    <t>①看護体制及びサテライト体制に係る届出書（別紙49）</t>
    <rPh sb="21" eb="23">
      <t>ベッシ</t>
    </rPh>
    <phoneticPr fontId="3"/>
  </si>
  <si>
    <t>（別紙45）</t>
    <phoneticPr fontId="3"/>
  </si>
  <si>
    <t>訪問体制強化加算に係る届出書</t>
    <rPh sb="0" eb="2">
      <t>ホウモン</t>
    </rPh>
    <rPh sb="2" eb="4">
      <t>タイセイ</t>
    </rPh>
    <rPh sb="4" eb="6">
      <t>キョウカ</t>
    </rPh>
    <rPh sb="6" eb="8">
      <t>カサン</t>
    </rPh>
    <rPh sb="9" eb="10">
      <t>カカ</t>
    </rPh>
    <rPh sb="11" eb="14">
      <t>トドケデショ</t>
    </rPh>
    <phoneticPr fontId="3"/>
  </si>
  <si>
    <t>異動等区分</t>
    <phoneticPr fontId="3"/>
  </si>
  <si>
    <t>2　変更</t>
    <phoneticPr fontId="3"/>
  </si>
  <si>
    <t>3　終了</t>
    <phoneticPr fontId="3"/>
  </si>
  <si>
    <t>施設等の区分</t>
    <phoneticPr fontId="3"/>
  </si>
  <si>
    <t>2　看護小規模多機能型居宅介護事業所</t>
    <phoneticPr fontId="3"/>
  </si>
  <si>
    <t>訪問体制強化加算に係る届出内容</t>
    <rPh sb="0" eb="2">
      <t>ホウモン</t>
    </rPh>
    <rPh sb="2" eb="4">
      <t>タイセイ</t>
    </rPh>
    <rPh sb="4" eb="6">
      <t>キョウカ</t>
    </rPh>
    <rPh sb="6" eb="8">
      <t>カサン</t>
    </rPh>
    <rPh sb="9" eb="10">
      <t>カカワ</t>
    </rPh>
    <rPh sb="11" eb="13">
      <t>トドケデ</t>
    </rPh>
    <rPh sb="13" eb="15">
      <t>ナイヨウ</t>
    </rPh>
    <phoneticPr fontId="3"/>
  </si>
  <si>
    <t>・</t>
    <phoneticPr fontId="3"/>
  </si>
  <si>
    <t>職員配置の状況</t>
    <rPh sb="0" eb="2">
      <t>ショクイン</t>
    </rPh>
    <rPh sb="2" eb="4">
      <t>ハイチ</t>
    </rPh>
    <rPh sb="5" eb="7">
      <t>ジョウキョウ</t>
    </rPh>
    <phoneticPr fontId="3"/>
  </si>
  <si>
    <r>
      <t xml:space="preserve">事業所が提供する訪問サービスの提供に当たる常勤の従業者を２名以上配置している。
</t>
    </r>
    <r>
      <rPr>
        <sz val="8"/>
        <rFont val="HGSｺﾞｼｯｸM"/>
        <family val="3"/>
        <charset val="128"/>
      </rPr>
      <t>※ただし、看護小規模多機能型居宅介護の場合、看護サービスを除く。また、常勤の従業者については、保健師、看護師、准看護師、理学療法士、作業療法士、言語聴覚士を除く。</t>
    </r>
    <rPh sb="0" eb="3">
      <t>ジギョウショ</t>
    </rPh>
    <rPh sb="4" eb="6">
      <t>テイキョウ</t>
    </rPh>
    <rPh sb="8" eb="10">
      <t>ホウモン</t>
    </rPh>
    <rPh sb="15" eb="17">
      <t>テイキョウ</t>
    </rPh>
    <rPh sb="18" eb="19">
      <t>ア</t>
    </rPh>
    <rPh sb="21" eb="23">
      <t>ジョウキン</t>
    </rPh>
    <rPh sb="24" eb="27">
      <t>ジュウギョウシャ</t>
    </rPh>
    <rPh sb="29" eb="30">
      <t>メイ</t>
    </rPh>
    <rPh sb="30" eb="32">
      <t>イジョウ</t>
    </rPh>
    <rPh sb="32" eb="34">
      <t>ハイチ</t>
    </rPh>
    <rPh sb="45" eb="47">
      <t>カンゴ</t>
    </rPh>
    <rPh sb="47" eb="50">
      <t>ショウキボ</t>
    </rPh>
    <rPh sb="50" eb="53">
      <t>タキノウ</t>
    </rPh>
    <rPh sb="53" eb="54">
      <t>ガタ</t>
    </rPh>
    <rPh sb="54" eb="56">
      <t>キョタク</t>
    </rPh>
    <rPh sb="56" eb="58">
      <t>カイゴ</t>
    </rPh>
    <rPh sb="59" eb="61">
      <t>バアイ</t>
    </rPh>
    <rPh sb="62" eb="64">
      <t>カンゴ</t>
    </rPh>
    <rPh sb="69" eb="70">
      <t>ノゾ</t>
    </rPh>
    <rPh sb="75" eb="77">
      <t>ジョウキン</t>
    </rPh>
    <rPh sb="78" eb="81">
      <t>ジュウギョウシャ</t>
    </rPh>
    <rPh sb="87" eb="90">
      <t>ホケンシ</t>
    </rPh>
    <rPh sb="91" eb="94">
      <t>カンゴシ</t>
    </rPh>
    <rPh sb="95" eb="99">
      <t>ジュンカンゴシ</t>
    </rPh>
    <rPh sb="100" eb="102">
      <t>リガク</t>
    </rPh>
    <rPh sb="102" eb="105">
      <t>リョウホウシ</t>
    </rPh>
    <rPh sb="106" eb="108">
      <t>サギョウ</t>
    </rPh>
    <rPh sb="108" eb="111">
      <t>リョウホウシ</t>
    </rPh>
    <rPh sb="112" eb="114">
      <t>ゲンゴ</t>
    </rPh>
    <rPh sb="114" eb="117">
      <t>チョウカクシ</t>
    </rPh>
    <rPh sb="118" eb="119">
      <t>ノゾ</t>
    </rPh>
    <phoneticPr fontId="3"/>
  </si>
  <si>
    <t>事業所の
状況</t>
    <rPh sb="0" eb="3">
      <t>ジギョウショ</t>
    </rPh>
    <rPh sb="5" eb="7">
      <t>ジョウキョウ</t>
    </rPh>
    <phoneticPr fontId="3"/>
  </si>
  <si>
    <t>事業所と同一建物に集合住宅（養護老人ホーム、軽費老人ホーム、有料老人ホーム、サービス付き高齢者向け住宅であって登録を受けたもの）を併設している。</t>
    <rPh sb="0" eb="3">
      <t>ジギョウショ</t>
    </rPh>
    <rPh sb="4" eb="6">
      <t>ドウイツ</t>
    </rPh>
    <rPh sb="6" eb="8">
      <t>タテモノ</t>
    </rPh>
    <rPh sb="9" eb="11">
      <t>シュウゴウ</t>
    </rPh>
    <rPh sb="11" eb="13">
      <t>ジュウタク</t>
    </rPh>
    <rPh sb="55" eb="57">
      <t>トウロク</t>
    </rPh>
    <rPh sb="58" eb="59">
      <t>ウ</t>
    </rPh>
    <rPh sb="65" eb="67">
      <t>ヘイセツ</t>
    </rPh>
    <phoneticPr fontId="3"/>
  </si>
  <si>
    <t>サービス提供の状況</t>
    <rPh sb="4" eb="6">
      <t>テイキョウ</t>
    </rPh>
    <rPh sb="7" eb="9">
      <t>ジョウキョウ</t>
    </rPh>
    <phoneticPr fontId="3"/>
  </si>
  <si>
    <t xml:space="preserve"> (1) 事業所が同一建物に集合住宅を併設していない（２で無を選択した）場合</t>
    <rPh sb="5" eb="8">
      <t>ジギョウショ</t>
    </rPh>
    <rPh sb="9" eb="11">
      <t>ドウイツ</t>
    </rPh>
    <rPh sb="11" eb="13">
      <t>タテモノ</t>
    </rPh>
    <rPh sb="14" eb="16">
      <t>シュウゴウ</t>
    </rPh>
    <rPh sb="16" eb="18">
      <t>ジュウタク</t>
    </rPh>
    <rPh sb="19" eb="21">
      <t>ヘイセツ</t>
    </rPh>
    <rPh sb="29" eb="30">
      <t>ナ</t>
    </rPh>
    <rPh sb="31" eb="33">
      <t>センタク</t>
    </rPh>
    <rPh sb="36" eb="38">
      <t>バアイ</t>
    </rPh>
    <phoneticPr fontId="3"/>
  </si>
  <si>
    <t>　訪問回数が１月当たり延べ200回以上である。</t>
    <rPh sb="1" eb="3">
      <t>ホウモン</t>
    </rPh>
    <rPh sb="3" eb="5">
      <t>カイスウ</t>
    </rPh>
    <rPh sb="7" eb="8">
      <t>ツキ</t>
    </rPh>
    <rPh sb="8" eb="9">
      <t>ア</t>
    </rPh>
    <rPh sb="11" eb="12">
      <t>ノ</t>
    </rPh>
    <rPh sb="16" eb="17">
      <t>カイ</t>
    </rPh>
    <rPh sb="17" eb="19">
      <t>イジョウ</t>
    </rPh>
    <phoneticPr fontId="3"/>
  </si>
  <si>
    <t xml:space="preserve"> (2) 事業所が同一建物に集合住宅を併設している（２で有を選択した）場合</t>
    <rPh sb="5" eb="8">
      <t>ジギョウショ</t>
    </rPh>
    <rPh sb="9" eb="11">
      <t>ドウイツ</t>
    </rPh>
    <rPh sb="11" eb="13">
      <t>タテモノ</t>
    </rPh>
    <rPh sb="14" eb="16">
      <t>シュウゴウ</t>
    </rPh>
    <rPh sb="16" eb="18">
      <t>ジュウタク</t>
    </rPh>
    <rPh sb="19" eb="21">
      <t>ヘイセツ</t>
    </rPh>
    <rPh sb="28" eb="29">
      <t>ア</t>
    </rPh>
    <rPh sb="30" eb="32">
      <t>センタク</t>
    </rPh>
    <rPh sb="35" eb="37">
      <t>バアイ</t>
    </rPh>
    <phoneticPr fontId="3"/>
  </si>
  <si>
    <t>　①に占める②の割合が50％以上</t>
    <rPh sb="3" eb="4">
      <t>シ</t>
    </rPh>
    <rPh sb="8" eb="10">
      <t>ワリアイ</t>
    </rPh>
    <rPh sb="14" eb="16">
      <t>イジョウ</t>
    </rPh>
    <phoneticPr fontId="3"/>
  </si>
  <si>
    <t>①</t>
    <phoneticPr fontId="3"/>
  </si>
  <si>
    <t>登録者の総数</t>
    <rPh sb="0" eb="3">
      <t>トウロクシャ</t>
    </rPh>
    <rPh sb="4" eb="6">
      <t>ソウスウ</t>
    </rPh>
    <phoneticPr fontId="3"/>
  </si>
  <si>
    <t>同一建物居住者以外の者（（看護）小規模多機能型居宅介護費のイ(1)を算定する者）の数</t>
    <rPh sb="0" eb="2">
      <t>ドウイツ</t>
    </rPh>
    <rPh sb="2" eb="4">
      <t>タテモノ</t>
    </rPh>
    <rPh sb="4" eb="7">
      <t>キョジュウシャ</t>
    </rPh>
    <rPh sb="7" eb="9">
      <t>イガイ</t>
    </rPh>
    <rPh sb="10" eb="11">
      <t>シャ</t>
    </rPh>
    <rPh sb="13" eb="15">
      <t>カンゴ</t>
    </rPh>
    <rPh sb="16" eb="19">
      <t>ショウキボ</t>
    </rPh>
    <rPh sb="19" eb="23">
      <t>タキノウガタ</t>
    </rPh>
    <rPh sb="23" eb="25">
      <t>キョタク</t>
    </rPh>
    <rPh sb="25" eb="27">
      <t>カイゴ</t>
    </rPh>
    <rPh sb="27" eb="28">
      <t>ヒ</t>
    </rPh>
    <rPh sb="34" eb="36">
      <t>サンテイ</t>
    </rPh>
    <rPh sb="38" eb="39">
      <t>シャ</t>
    </rPh>
    <rPh sb="41" eb="42">
      <t>カズ</t>
    </rPh>
    <phoneticPr fontId="3"/>
  </si>
  <si>
    <t>　②の者に対する訪問回数が１月当たり延べ200回以上である。</t>
    <rPh sb="3" eb="4">
      <t>シャ</t>
    </rPh>
    <rPh sb="5" eb="6">
      <t>タイ</t>
    </rPh>
    <rPh sb="8" eb="10">
      <t>ホウモン</t>
    </rPh>
    <rPh sb="10" eb="12">
      <t>カイスウ</t>
    </rPh>
    <rPh sb="14" eb="15">
      <t>ツキ</t>
    </rPh>
    <rPh sb="15" eb="16">
      <t>ア</t>
    </rPh>
    <rPh sb="18" eb="19">
      <t>ノ</t>
    </rPh>
    <rPh sb="23" eb="24">
      <t>カイ</t>
    </rPh>
    <rPh sb="24" eb="26">
      <t>イジョウ</t>
    </rPh>
    <phoneticPr fontId="3"/>
  </si>
  <si>
    <t>備考　要件を満たすことが分かる根拠書類を準備し、指定権者からの求めがあった場合には、</t>
    <phoneticPr fontId="3"/>
  </si>
  <si>
    <t>褥瘡マネジメント加算</t>
  </si>
  <si>
    <t>排せつ支援加算</t>
    <rPh sb="0" eb="1">
      <t>ハイ</t>
    </rPh>
    <rPh sb="3" eb="5">
      <t>シエン</t>
    </rPh>
    <rPh sb="5" eb="7">
      <t>カサン</t>
    </rPh>
    <phoneticPr fontId="3"/>
  </si>
  <si>
    <t>なし</t>
    <phoneticPr fontId="3"/>
  </si>
  <si>
    <t>①褥瘡マネジメント加算に関する届出書（別紙41）</t>
    <rPh sb="19" eb="21">
      <t>ベッシ</t>
    </rPh>
    <phoneticPr fontId="3"/>
  </si>
  <si>
    <t>（別紙17）</t>
    <phoneticPr fontId="3"/>
  </si>
  <si>
    <t>専門管理加算に係る届出書</t>
    <rPh sb="0" eb="2">
      <t>センモン</t>
    </rPh>
    <rPh sb="2" eb="4">
      <t>カンリ</t>
    </rPh>
    <rPh sb="4" eb="6">
      <t>カサン</t>
    </rPh>
    <rPh sb="7" eb="8">
      <t>カカ</t>
    </rPh>
    <rPh sb="9" eb="12">
      <t>トドケデショ</t>
    </rPh>
    <phoneticPr fontId="3"/>
  </si>
  <si>
    <t>届 出 事 項</t>
    <rPh sb="4" eb="5">
      <t>コト</t>
    </rPh>
    <rPh sb="6" eb="7">
      <t>コウ</t>
    </rPh>
    <phoneticPr fontId="3"/>
  </si>
  <si>
    <t>1　緩和ケア</t>
    <rPh sb="2" eb="4">
      <t>カンワ</t>
    </rPh>
    <phoneticPr fontId="3"/>
  </si>
  <si>
    <t>2　褥瘡ケア</t>
    <rPh sb="2" eb="4">
      <t>ジョクソウ</t>
    </rPh>
    <phoneticPr fontId="3"/>
  </si>
  <si>
    <t>3　人工肛門ケア及び人工膀胱ケア</t>
    <rPh sb="2" eb="4">
      <t>ジンコウ</t>
    </rPh>
    <rPh sb="4" eb="6">
      <t>コウモン</t>
    </rPh>
    <rPh sb="8" eb="9">
      <t>オヨ</t>
    </rPh>
    <rPh sb="10" eb="12">
      <t>ジンコウ</t>
    </rPh>
    <rPh sb="12" eb="14">
      <t>ボウコウ</t>
    </rPh>
    <phoneticPr fontId="3"/>
  </si>
  <si>
    <t>4　特定行為</t>
    <rPh sb="2" eb="4">
      <t>トクテイ</t>
    </rPh>
    <rPh sb="4" eb="6">
      <t>コウイ</t>
    </rPh>
    <phoneticPr fontId="3"/>
  </si>
  <si>
    <t>専門管理加算に係る届出内容</t>
    <rPh sb="0" eb="2">
      <t>センモン</t>
    </rPh>
    <rPh sb="2" eb="4">
      <t>カンリ</t>
    </rPh>
    <rPh sb="4" eb="6">
      <t>カサン</t>
    </rPh>
    <phoneticPr fontId="3"/>
  </si>
  <si>
    <t>1　緩和ケアに関する専門研修</t>
    <rPh sb="2" eb="4">
      <t>カンワ</t>
    </rPh>
    <rPh sb="7" eb="8">
      <t>カン</t>
    </rPh>
    <rPh sb="10" eb="12">
      <t>センモン</t>
    </rPh>
    <rPh sb="12" eb="14">
      <t>ケンシュウ</t>
    </rPh>
    <phoneticPr fontId="3"/>
  </si>
  <si>
    <t>氏名</t>
    <rPh sb="0" eb="2">
      <t>シメイ</t>
    </rPh>
    <phoneticPr fontId="3"/>
  </si>
  <si>
    <t>2　褥瘡ケアに関する専門研修</t>
    <rPh sb="2" eb="4">
      <t>ジョクソウ</t>
    </rPh>
    <rPh sb="7" eb="8">
      <t>カン</t>
    </rPh>
    <rPh sb="10" eb="12">
      <t>センモン</t>
    </rPh>
    <rPh sb="12" eb="14">
      <t>ケンシュウ</t>
    </rPh>
    <phoneticPr fontId="3"/>
  </si>
  <si>
    <t>3　人工肛門ケア及び人工膀胱ケアに関する専門研修</t>
    <rPh sb="2" eb="4">
      <t>ジンコウ</t>
    </rPh>
    <rPh sb="4" eb="6">
      <t>コウモン</t>
    </rPh>
    <rPh sb="8" eb="9">
      <t>オヨ</t>
    </rPh>
    <rPh sb="10" eb="12">
      <t>ジンコウ</t>
    </rPh>
    <rPh sb="12" eb="14">
      <t>ボウコウ</t>
    </rPh>
    <rPh sb="17" eb="18">
      <t>カン</t>
    </rPh>
    <rPh sb="20" eb="22">
      <t>センモン</t>
    </rPh>
    <rPh sb="22" eb="24">
      <t>ケンシュウ</t>
    </rPh>
    <phoneticPr fontId="3"/>
  </si>
  <si>
    <t>4　特定行為研修</t>
    <rPh sb="2" eb="4">
      <t>トクテイ</t>
    </rPh>
    <rPh sb="4" eb="6">
      <t>コウイ</t>
    </rPh>
    <rPh sb="6" eb="8">
      <t>ケンシュウ</t>
    </rPh>
    <phoneticPr fontId="3"/>
  </si>
  <si>
    <t>備考　１、２、３又は４の専門の研修を修了したことが確認できる文書（当該研修の名称、</t>
    <phoneticPr fontId="3"/>
  </si>
  <si>
    <t>　　敷いている場合について提出してください。</t>
    <phoneticPr fontId="3"/>
  </si>
  <si>
    <t>実施主体、修了日及び修了者の氏名等を記載した一覧でも可）を添付すること。</t>
    <rPh sb="10" eb="12">
      <t>シュウリョウ</t>
    </rPh>
    <rPh sb="12" eb="13">
      <t>ヒ</t>
    </rPh>
    <rPh sb="13" eb="14">
      <t>オヨ</t>
    </rPh>
    <rPh sb="15" eb="18">
      <t>シュウリョウシャ</t>
    </rPh>
    <rPh sb="19" eb="21">
      <t>シメイ</t>
    </rPh>
    <rPh sb="21" eb="22">
      <t>トウ</t>
    </rPh>
    <rPh sb="23" eb="25">
      <t>キサイ</t>
    </rPh>
    <rPh sb="27" eb="29">
      <t>イチラン</t>
    </rPh>
    <rPh sb="31" eb="32">
      <t>カ</t>
    </rPh>
    <rPh sb="34" eb="36">
      <t>テンプ</t>
    </rPh>
    <phoneticPr fontId="3"/>
  </si>
  <si>
    <t>（別紙18）</t>
    <phoneticPr fontId="3"/>
  </si>
  <si>
    <t>遠隔死亡診断補助加算に係る届出書</t>
    <rPh sb="0" eb="2">
      <t>エンカク</t>
    </rPh>
    <rPh sb="2" eb="4">
      <t>シボウ</t>
    </rPh>
    <rPh sb="4" eb="6">
      <t>シンダン</t>
    </rPh>
    <rPh sb="6" eb="8">
      <t>ホジョ</t>
    </rPh>
    <rPh sb="8" eb="10">
      <t>カサン</t>
    </rPh>
    <rPh sb="11" eb="12">
      <t>カカ</t>
    </rPh>
    <rPh sb="13" eb="16">
      <t>トドケデショ</t>
    </rPh>
    <phoneticPr fontId="3"/>
  </si>
  <si>
    <t>1　(介護予防）訪問看護事業所（訪問看護ステーション）</t>
    <phoneticPr fontId="3"/>
  </si>
  <si>
    <t>2　(介護予防）訪問看護事業所（病院又は診療所）</t>
    <phoneticPr fontId="3"/>
  </si>
  <si>
    <t>届 出 項 目</t>
    <rPh sb="0" eb="1">
      <t>トドケ</t>
    </rPh>
    <rPh sb="2" eb="3">
      <t>デ</t>
    </rPh>
    <rPh sb="4" eb="5">
      <t>コウ</t>
    </rPh>
    <rPh sb="6" eb="7">
      <t>メ</t>
    </rPh>
    <phoneticPr fontId="3"/>
  </si>
  <si>
    <t>遠隔死亡診断補助加算</t>
    <rPh sb="0" eb="2">
      <t>エンカク</t>
    </rPh>
    <rPh sb="2" eb="4">
      <t>シボウ</t>
    </rPh>
    <rPh sb="4" eb="6">
      <t>シンダン</t>
    </rPh>
    <rPh sb="6" eb="8">
      <t>ホジョ</t>
    </rPh>
    <rPh sb="8" eb="10">
      <t>カサン</t>
    </rPh>
    <phoneticPr fontId="3"/>
  </si>
  <si>
    <t>遠隔死亡診断補助加算に係る届出内容</t>
    <rPh sb="0" eb="2">
      <t>エンカク</t>
    </rPh>
    <rPh sb="2" eb="4">
      <t>シボウ</t>
    </rPh>
    <rPh sb="4" eb="6">
      <t>シンダン</t>
    </rPh>
    <rPh sb="6" eb="8">
      <t>ホジョ</t>
    </rPh>
    <rPh sb="8" eb="10">
      <t>カサン</t>
    </rPh>
    <phoneticPr fontId="3"/>
  </si>
  <si>
    <t>情報通信機器を用いた在宅での看取りに係る研修を受けた看護師</t>
    <rPh sb="0" eb="2">
      <t>ジョウホウ</t>
    </rPh>
    <rPh sb="2" eb="4">
      <t>ツウシン</t>
    </rPh>
    <rPh sb="4" eb="6">
      <t>キキ</t>
    </rPh>
    <rPh sb="7" eb="8">
      <t>モチ</t>
    </rPh>
    <rPh sb="10" eb="12">
      <t>ザイタク</t>
    </rPh>
    <rPh sb="14" eb="16">
      <t>ミト</t>
    </rPh>
    <rPh sb="18" eb="19">
      <t>カカ</t>
    </rPh>
    <rPh sb="20" eb="22">
      <t>ケンシュウ</t>
    </rPh>
    <rPh sb="23" eb="24">
      <t>ウ</t>
    </rPh>
    <rPh sb="26" eb="29">
      <t>カンゴシ</t>
    </rPh>
    <phoneticPr fontId="3"/>
  </si>
  <si>
    <t>備考　研修を修了したことが確認できる文書（当該研修の名称、実施主体、修了日及び修了者の</t>
    <phoneticPr fontId="3"/>
  </si>
  <si>
    <t>氏名等を記載した一覧でも可）を添付すること。</t>
    <rPh sb="4" eb="6">
      <t>キサイ</t>
    </rPh>
    <rPh sb="8" eb="10">
      <t>イチラン</t>
    </rPh>
    <rPh sb="12" eb="13">
      <t>カ</t>
    </rPh>
    <rPh sb="15" eb="17">
      <t>テンプ</t>
    </rPh>
    <phoneticPr fontId="3"/>
  </si>
  <si>
    <t>①総合マネジメント体制強化加算に係る届出書（別紙42）
②看護小規模多機能型居宅介護の計画見直し体制を示す書類（任意様式）
③地域との連携を行っていることを示す書類（参加予定の地域活動予定表等）</t>
    <rPh sb="22" eb="24">
      <t>ベッシ</t>
    </rPh>
    <rPh sb="29" eb="31">
      <t>カンゴ</t>
    </rPh>
    <phoneticPr fontId="3"/>
  </si>
  <si>
    <t>（別紙14－5）</t>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3"/>
  </si>
  <si>
    <t>1　事 業 所 名</t>
    <phoneticPr fontId="3"/>
  </si>
  <si>
    <t>2　異 動 区 分</t>
    <rPh sb="2" eb="3">
      <t>イ</t>
    </rPh>
    <rPh sb="4" eb="5">
      <t>ドウ</t>
    </rPh>
    <rPh sb="6" eb="7">
      <t>ク</t>
    </rPh>
    <rPh sb="8" eb="9">
      <t>ブン</t>
    </rPh>
    <phoneticPr fontId="3"/>
  </si>
  <si>
    <t>1　新規</t>
    <phoneticPr fontId="3"/>
  </si>
  <si>
    <t>3　終了</t>
    <phoneticPr fontId="3"/>
  </si>
  <si>
    <t>3　施 設 種 別</t>
    <rPh sb="2" eb="3">
      <t>シ</t>
    </rPh>
    <rPh sb="4" eb="5">
      <t>セツ</t>
    </rPh>
    <rPh sb="6" eb="7">
      <t>シュ</t>
    </rPh>
    <rPh sb="8" eb="9">
      <t>ベツ</t>
    </rPh>
    <phoneticPr fontId="3"/>
  </si>
  <si>
    <t>1（介護予防）小規模多機能型居宅介護</t>
    <rPh sb="2" eb="4">
      <t>カイゴ</t>
    </rPh>
    <rPh sb="4" eb="6">
      <t>ヨボウ</t>
    </rPh>
    <rPh sb="7" eb="10">
      <t>ショウキボ</t>
    </rPh>
    <rPh sb="10" eb="14">
      <t>タキノウガタ</t>
    </rPh>
    <rPh sb="14" eb="16">
      <t>キョタク</t>
    </rPh>
    <rPh sb="16" eb="18">
      <t>カイゴ</t>
    </rPh>
    <phoneticPr fontId="3"/>
  </si>
  <si>
    <t>2　看護小規模多機能型居宅介護</t>
    <rPh sb="2" eb="4">
      <t>カンゴ</t>
    </rPh>
    <rPh sb="4" eb="7">
      <t>ショウキボ</t>
    </rPh>
    <rPh sb="7" eb="10">
      <t>タキノウ</t>
    </rPh>
    <rPh sb="10" eb="11">
      <t>ガタ</t>
    </rPh>
    <rPh sb="11" eb="13">
      <t>キョタク</t>
    </rPh>
    <rPh sb="13" eb="15">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①　研修計画を作成し、当該計画に従い、研修（外部における研修を
　含む）を実施又は実施を予定していること。</t>
    <phoneticPr fontId="3"/>
  </si>
  <si>
    <t>・</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t>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70％以上</t>
    <rPh sb="2" eb="3">
      <t>シ</t>
    </rPh>
    <rPh sb="7" eb="9">
      <t>ワリアイ</t>
    </rPh>
    <rPh sb="13" eb="15">
      <t>イジョウ</t>
    </rPh>
    <phoneticPr fontId="3"/>
  </si>
  <si>
    <t>①</t>
    <phoneticPr fontId="3"/>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t>
    <phoneticPr fontId="3"/>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50％以上</t>
    <rPh sb="2" eb="3">
      <t>シ</t>
    </rPh>
    <rPh sb="7" eb="9">
      <t>ワリアイ</t>
    </rPh>
    <rPh sb="13" eb="15">
      <t>イジョウ</t>
    </rPh>
    <phoneticPr fontId="3"/>
  </si>
  <si>
    <t>②</t>
    <phoneticPr fontId="3"/>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40％以上</t>
    <rPh sb="2" eb="3">
      <t>シ</t>
    </rPh>
    <rPh sb="7" eb="9">
      <t>ワリアイ</t>
    </rPh>
    <rPh sb="13" eb="15">
      <t>イジョウ</t>
    </rPh>
    <phoneticPr fontId="3"/>
  </si>
  <si>
    <t>①</t>
    <phoneticPr fontId="3"/>
  </si>
  <si>
    <t>常勤職員の
状況</t>
    <rPh sb="0" eb="2">
      <t>ジョウキン</t>
    </rPh>
    <rPh sb="2" eb="4">
      <t>ショクイン</t>
    </rPh>
    <rPh sb="6" eb="8">
      <t>ジョウキョウ</t>
    </rPh>
    <phoneticPr fontId="3"/>
  </si>
  <si>
    <t>①に占める②の割合が60％以上</t>
    <rPh sb="2" eb="3">
      <t>シ</t>
    </rPh>
    <rPh sb="7" eb="9">
      <t>ワリアイ</t>
    </rPh>
    <rPh sb="13" eb="15">
      <t>イジョウ</t>
    </rPh>
    <phoneticPr fontId="3"/>
  </si>
  <si>
    <t>①</t>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に占める②の割合が30％以上</t>
    <rPh sb="2" eb="3">
      <t>シ</t>
    </rPh>
    <rPh sb="7" eb="9">
      <t>ワリアイ</t>
    </rPh>
    <rPh sb="13" eb="15">
      <t>イジョウ</t>
    </rPh>
    <phoneticPr fontId="3"/>
  </si>
  <si>
    <t>従業者の総数（常勤換算）</t>
    <rPh sb="0" eb="3">
      <t>ジュウギョウシャ</t>
    </rPh>
    <rPh sb="2" eb="3">
      <t>モノ</t>
    </rPh>
    <rPh sb="4" eb="6">
      <t>ソウスウ</t>
    </rPh>
    <rPh sb="7" eb="9">
      <t>ジョウキン</t>
    </rPh>
    <rPh sb="9" eb="11">
      <t>カンサン</t>
    </rPh>
    <phoneticPr fontId="3"/>
  </si>
  <si>
    <t>②</t>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phoneticPr fontId="3"/>
  </si>
  <si>
    <t>備考２</t>
    <rPh sb="0" eb="2">
      <t>ビコウ</t>
    </rPh>
    <phoneticPr fontId="3"/>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3"/>
  </si>
  <si>
    <t>（別紙41）</t>
    <rPh sb="1" eb="3">
      <t>ベッシ</t>
    </rPh>
    <phoneticPr fontId="3"/>
  </si>
  <si>
    <t>褥瘡マネジメント加算に関する届出書</t>
    <rPh sb="0" eb="2">
      <t>ジョクソウ</t>
    </rPh>
    <rPh sb="8" eb="10">
      <t>カサン</t>
    </rPh>
    <rPh sb="11" eb="12">
      <t>カン</t>
    </rPh>
    <rPh sb="14" eb="17">
      <t>トドケデショ</t>
    </rPh>
    <phoneticPr fontId="3"/>
  </si>
  <si>
    <t>事業所名</t>
    <rPh sb="0" eb="3">
      <t>ジギョウショ</t>
    </rPh>
    <rPh sb="3" eb="4">
      <t>メイ</t>
    </rPh>
    <phoneticPr fontId="3"/>
  </si>
  <si>
    <t>異動区分</t>
    <rPh sb="0" eb="2">
      <t>イドウ</t>
    </rPh>
    <rPh sb="2" eb="4">
      <t>クブン</t>
    </rPh>
    <phoneticPr fontId="3"/>
  </si>
  <si>
    <t>施設種別</t>
    <rPh sb="0" eb="2">
      <t>シセツ</t>
    </rPh>
    <rPh sb="2" eb="4">
      <t>シュベツ</t>
    </rPh>
    <phoneticPr fontId="3"/>
  </si>
  <si>
    <t>１　介護老人福祉施設</t>
    <phoneticPr fontId="3"/>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3"/>
  </si>
  <si>
    <t>３　介護老人保健施設</t>
    <phoneticPr fontId="3"/>
  </si>
  <si>
    <t>４　看護小規模多機能型居宅介護</t>
    <phoneticPr fontId="3"/>
  </si>
  <si>
    <t>褥瘡マネジメントの状況</t>
    <rPh sb="0" eb="2">
      <t>ジョクソウ</t>
    </rPh>
    <rPh sb="9" eb="11">
      <t>ジョウキョウ</t>
    </rPh>
    <phoneticPr fontId="3"/>
  </si>
  <si>
    <t>褥瘡マネジメントに関わる者</t>
    <rPh sb="0" eb="2">
      <t>ジョクソウ</t>
    </rPh>
    <rPh sb="9" eb="10">
      <t>カカ</t>
    </rPh>
    <rPh sb="12" eb="13">
      <t>モノ</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看　護　師</t>
    <phoneticPr fontId="3"/>
  </si>
  <si>
    <t>管 理 栄 養 士</t>
    <phoneticPr fontId="3"/>
  </si>
  <si>
    <t>介護支援専門員</t>
    <rPh sb="0" eb="2">
      <t>カイゴ</t>
    </rPh>
    <rPh sb="2" eb="4">
      <t>シエン</t>
    </rPh>
    <rPh sb="4" eb="7">
      <t>センモンイン</t>
    </rPh>
    <phoneticPr fontId="3"/>
  </si>
  <si>
    <t>※</t>
    <phoneticPr fontId="3"/>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_ "/>
    <numFmt numFmtId="177" formatCode="0.0%"/>
  </numFmts>
  <fonts count="16"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
      <b/>
      <sz val="12"/>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sz val="10.5"/>
      <name val="HGSｺﾞｼｯｸM"/>
      <family val="3"/>
      <charset val="128"/>
    </font>
    <font>
      <sz val="20"/>
      <name val="HGSｺﾞｼｯｸM"/>
      <family val="3"/>
      <charset val="128"/>
    </font>
    <font>
      <sz val="12"/>
      <name val="HGPｺﾞｼｯｸE"/>
      <family val="3"/>
      <charset val="128"/>
    </font>
    <font>
      <sz val="11"/>
      <name val="Wingdings"/>
      <charset val="2"/>
    </font>
    <font>
      <b/>
      <sz val="8"/>
      <name val="HGSｺﾞｼｯｸM"/>
      <family val="3"/>
      <charset val="128"/>
    </font>
    <font>
      <u/>
      <sz val="11"/>
      <name val="HGSｺﾞｼｯｸM"/>
      <family val="3"/>
      <charset val="128"/>
    </font>
  </fonts>
  <fills count="3">
    <fill>
      <patternFill patternType="none"/>
    </fill>
    <fill>
      <patternFill patternType="gray125"/>
    </fill>
    <fill>
      <patternFill patternType="solid">
        <fgColor theme="5" tint="0.79998168889431442"/>
        <bgColor indexed="64"/>
      </patternFill>
    </fill>
  </fills>
  <borders count="37">
    <border>
      <left/>
      <right/>
      <top/>
      <bottom/>
      <diagonal/>
    </border>
    <border>
      <left/>
      <right style="thin">
        <color indexed="64"/>
      </right>
      <top/>
      <bottom/>
      <diagonal/>
    </border>
    <border>
      <left/>
      <right style="thin">
        <color indexed="64"/>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bottom style="dashed">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bottom style="hair">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dashed">
        <color indexed="64"/>
      </right>
      <top style="thin">
        <color indexed="64"/>
      </top>
      <bottom style="thin">
        <color indexed="64"/>
      </bottom>
      <diagonal/>
    </border>
  </borders>
  <cellStyleXfs count="6">
    <xf numFmtId="0" fontId="0" fillId="0" borderId="0"/>
    <xf numFmtId="0" fontId="1" fillId="0" borderId="0"/>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559">
    <xf numFmtId="0" fontId="0" fillId="0" borderId="0" xfId="0"/>
    <xf numFmtId="0" fontId="2" fillId="0" borderId="5" xfId="0" applyFont="1" applyBorder="1" applyAlignment="1">
      <alignment horizontal="left" vertical="center"/>
    </xf>
    <xf numFmtId="0" fontId="2" fillId="0" borderId="1" xfId="0" applyFont="1" applyBorder="1" applyAlignment="1">
      <alignment vertical="center"/>
    </xf>
    <xf numFmtId="0" fontId="2" fillId="0" borderId="9" xfId="0" applyFont="1" applyBorder="1" applyAlignment="1">
      <alignment horizontal="left" vertical="center"/>
    </xf>
    <xf numFmtId="0" fontId="2" fillId="0" borderId="0" xfId="0" applyFont="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0" xfId="0" applyFont="1"/>
    <xf numFmtId="0" fontId="2" fillId="0" borderId="3" xfId="0" applyFont="1" applyBorder="1"/>
    <xf numFmtId="0" fontId="2" fillId="0" borderId="1" xfId="0" applyFont="1" applyBorder="1"/>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left" vertical="center"/>
    </xf>
    <xf numFmtId="0" fontId="0" fillId="0" borderId="0" xfId="2" applyFont="1" applyFill="1" applyAlignment="1">
      <alignment vertical="center" wrapText="1"/>
    </xf>
    <xf numFmtId="0" fontId="0" fillId="0" borderId="4" xfId="2" applyFont="1" applyFill="1" applyBorder="1" applyAlignment="1">
      <alignment horizontal="left" vertical="top" wrapText="1"/>
    </xf>
    <xf numFmtId="0" fontId="0" fillId="0" borderId="18" xfId="2" applyFont="1" applyFill="1" applyBorder="1" applyAlignment="1">
      <alignment horizontal="left" vertical="top" wrapText="1"/>
    </xf>
    <xf numFmtId="0" fontId="0" fillId="0" borderId="0" xfId="2" applyFont="1" applyFill="1" applyAlignment="1">
      <alignment horizontal="left" vertical="center" wrapText="1"/>
    </xf>
    <xf numFmtId="0" fontId="0" fillId="2" borderId="21" xfId="2" applyFont="1" applyFill="1" applyBorder="1" applyAlignment="1">
      <alignment horizontal="center" vertical="center" wrapText="1"/>
    </xf>
    <xf numFmtId="0" fontId="0" fillId="2" borderId="4" xfId="2" applyFont="1" applyFill="1" applyBorder="1" applyAlignment="1">
      <alignment horizontal="left" vertical="center" wrapText="1"/>
    </xf>
    <xf numFmtId="0" fontId="0" fillId="2" borderId="18" xfId="2" applyFont="1" applyFill="1" applyBorder="1" applyAlignment="1">
      <alignment horizontal="left" vertical="center" wrapText="1"/>
    </xf>
    <xf numFmtId="0" fontId="0" fillId="2" borderId="18" xfId="2" applyFont="1" applyFill="1" applyBorder="1" applyAlignment="1">
      <alignment horizontal="left" vertical="center"/>
    </xf>
    <xf numFmtId="0" fontId="2" fillId="0" borderId="14" xfId="0" applyFont="1" applyBorder="1" applyAlignment="1">
      <alignmen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7" fillId="0" borderId="0" xfId="0" applyFont="1" applyAlignment="1">
      <alignment horizontal="center"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7" xfId="0" applyFont="1" applyBorder="1" applyAlignment="1">
      <alignment horizontal="center" vertical="center"/>
    </xf>
    <xf numFmtId="0" fontId="2" fillId="0" borderId="11" xfId="0" applyFont="1" applyBorder="1" applyAlignment="1">
      <alignment horizontal="center" vertical="center"/>
    </xf>
    <xf numFmtId="49" fontId="2" fillId="0" borderId="0" xfId="0" applyNumberFormat="1" applyFont="1" applyAlignment="1">
      <alignment horizontal="left" vertical="center"/>
    </xf>
    <xf numFmtId="0" fontId="5" fillId="0" borderId="9" xfId="0" applyFont="1" applyBorder="1" applyAlignment="1">
      <alignment horizontal="center" vertical="center"/>
    </xf>
    <xf numFmtId="0" fontId="2" fillId="0" borderId="9" xfId="0" applyFont="1" applyBorder="1" applyAlignment="1">
      <alignment horizontal="center" vertical="center"/>
    </xf>
    <xf numFmtId="0" fontId="2" fillId="0" borderId="15" xfId="0" applyFont="1" applyBorder="1" applyAlignment="1">
      <alignment vertical="center"/>
    </xf>
    <xf numFmtId="0" fontId="5" fillId="0" borderId="0" xfId="0" applyFont="1" applyAlignment="1">
      <alignment horizontal="center" vertical="center"/>
    </xf>
    <xf numFmtId="0" fontId="9" fillId="0" borderId="0" xfId="0" applyFont="1" applyAlignment="1">
      <alignment horizontal="left" vertical="center"/>
    </xf>
    <xf numFmtId="49" fontId="2" fillId="0" borderId="3" xfId="0" applyNumberFormat="1" applyFont="1" applyBorder="1" applyAlignment="1">
      <alignment horizontal="left" vertical="center"/>
    </xf>
    <xf numFmtId="0" fontId="10" fillId="0" borderId="0" xfId="0" applyFont="1" applyAlignment="1">
      <alignment horizontal="left"/>
    </xf>
    <xf numFmtId="0" fontId="10" fillId="0" borderId="0" xfId="0" applyFont="1" applyAlignment="1">
      <alignment horizontal="justify"/>
    </xf>
    <xf numFmtId="0" fontId="10" fillId="0" borderId="0" xfId="0" applyFont="1" applyAlignment="1">
      <alignment vertical="top"/>
    </xf>
    <xf numFmtId="0" fontId="11" fillId="0" borderId="0" xfId="0" applyFont="1" applyAlignment="1">
      <alignment vertical="center"/>
    </xf>
    <xf numFmtId="0" fontId="10" fillId="0" borderId="18" xfId="0" applyFont="1" applyBorder="1" applyAlignment="1">
      <alignment horizontal="center" vertical="center"/>
    </xf>
    <xf numFmtId="0" fontId="10" fillId="0" borderId="15" xfId="0" applyFont="1" applyBorder="1" applyAlignment="1">
      <alignment horizontal="center" vertical="center"/>
    </xf>
    <xf numFmtId="0" fontId="10" fillId="0" borderId="18" xfId="0" applyFont="1" applyBorder="1" applyAlignment="1">
      <alignment horizontal="justify" vertical="center"/>
    </xf>
    <xf numFmtId="0" fontId="10" fillId="0" borderId="15" xfId="0" applyFont="1" applyBorder="1" applyAlignment="1">
      <alignment horizontal="justify" vertical="center"/>
    </xf>
    <xf numFmtId="0" fontId="10" fillId="0" borderId="18" xfId="0" applyFont="1" applyBorder="1" applyAlignment="1">
      <alignment horizontal="center" vertical="center" wrapText="1"/>
    </xf>
    <xf numFmtId="0" fontId="10" fillId="0" borderId="18" xfId="0" applyFont="1" applyBorder="1" applyAlignment="1">
      <alignment horizontal="justify" vertical="center" wrapText="1"/>
    </xf>
    <xf numFmtId="0" fontId="10" fillId="0" borderId="15" xfId="0" applyFont="1" applyBorder="1" applyAlignment="1">
      <alignment horizontal="justify" vertical="center" wrapText="1"/>
    </xf>
    <xf numFmtId="0" fontId="10" fillId="0" borderId="26" xfId="0" applyFont="1" applyBorder="1" applyAlignment="1">
      <alignment horizontal="justify" vertical="top" wrapText="1"/>
    </xf>
    <xf numFmtId="0" fontId="10" fillId="0" borderId="18" xfId="0" applyFont="1" applyBorder="1" applyAlignment="1">
      <alignment horizontal="justify" vertical="top" wrapText="1"/>
    </xf>
    <xf numFmtId="0" fontId="10" fillId="0" borderId="15" xfId="0" applyFont="1" applyBorder="1" applyAlignment="1">
      <alignment horizontal="center" vertical="center" wrapText="1"/>
    </xf>
    <xf numFmtId="0" fontId="10" fillId="0" borderId="8" xfId="0" applyFont="1" applyBorder="1" applyAlignment="1">
      <alignment horizontal="justify" vertical="top" wrapText="1"/>
    </xf>
    <xf numFmtId="0" fontId="10" fillId="0" borderId="8" xfId="0" applyFont="1" applyBorder="1" applyAlignment="1">
      <alignment horizontal="center" vertical="center" wrapText="1"/>
    </xf>
    <xf numFmtId="0" fontId="10" fillId="0" borderId="27" xfId="0" applyFont="1" applyBorder="1" applyAlignment="1">
      <alignment horizontal="center" vertical="center" wrapText="1"/>
    </xf>
    <xf numFmtId="0" fontId="2" fillId="0" borderId="6" xfId="0" applyFont="1" applyBorder="1"/>
    <xf numFmtId="176" fontId="5" fillId="0" borderId="18" xfId="0" applyNumberFormat="1" applyFont="1" applyBorder="1" applyAlignment="1">
      <alignment horizontal="center" vertical="center" wrapText="1"/>
    </xf>
    <xf numFmtId="0" fontId="10" fillId="0" borderId="11" xfId="0" applyFont="1" applyBorder="1" applyAlignment="1">
      <alignment horizontal="justify" vertical="top" wrapText="1"/>
    </xf>
    <xf numFmtId="0" fontId="10" fillId="0" borderId="7" xfId="0" applyFont="1" applyBorder="1" applyAlignment="1">
      <alignment horizontal="justify" vertical="top" wrapText="1"/>
    </xf>
    <xf numFmtId="0" fontId="10" fillId="0" borderId="9" xfId="0" applyFont="1" applyBorder="1" applyAlignment="1">
      <alignment horizontal="left"/>
    </xf>
    <xf numFmtId="0" fontId="10" fillId="0" borderId="0" xfId="0" applyFont="1"/>
    <xf numFmtId="0" fontId="10" fillId="0" borderId="1" xfId="0" applyFont="1" applyBorder="1" applyAlignment="1">
      <alignment horizontal="justify" vertical="top" wrapText="1"/>
    </xf>
    <xf numFmtId="0" fontId="10" fillId="0" borderId="0" xfId="0" applyFont="1" applyAlignment="1">
      <alignment horizontal="justify" vertical="top" wrapText="1"/>
    </xf>
    <xf numFmtId="0" fontId="10" fillId="0" borderId="5" xfId="0" applyFont="1" applyBorder="1" applyAlignment="1">
      <alignment horizontal="left"/>
    </xf>
    <xf numFmtId="0" fontId="2" fillId="0" borderId="2" xfId="0" applyFont="1" applyBorder="1"/>
    <xf numFmtId="0" fontId="2" fillId="0" borderId="7" xfId="0" applyFont="1" applyBorder="1"/>
    <xf numFmtId="0" fontId="12" fillId="0" borderId="0" xfId="0" applyFont="1" applyAlignment="1">
      <alignment horizontal="left" vertical="center"/>
    </xf>
    <xf numFmtId="0" fontId="2" fillId="0" borderId="12" xfId="0" applyFont="1" applyBorder="1"/>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0" xfId="0" applyFont="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1" xfId="0" applyFont="1" applyBorder="1" applyAlignment="1">
      <alignment horizontal="center" vertical="center"/>
    </xf>
    <xf numFmtId="0" fontId="0" fillId="0" borderId="18" xfId="2" applyFont="1" applyFill="1" applyBorder="1" applyAlignment="1">
      <alignmen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2" fillId="0" borderId="10" xfId="0" applyFont="1" applyBorder="1" applyAlignment="1">
      <alignment horizontal="left" vertical="center"/>
    </xf>
    <xf numFmtId="0" fontId="2" fillId="0" borderId="0" xfId="0" applyFont="1" applyAlignment="1">
      <alignment vertical="top" wrapText="1"/>
    </xf>
    <xf numFmtId="0" fontId="0" fillId="0" borderId="18" xfId="2" applyFont="1" applyFill="1" applyBorder="1" applyAlignment="1">
      <alignment horizontal="left" vertical="center" wrapText="1"/>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5" fillId="0" borderId="0" xfId="0" applyFont="1" applyAlignment="1">
      <alignment horizontal="center" vertical="center"/>
    </xf>
    <xf numFmtId="0" fontId="2" fillId="0" borderId="14" xfId="0" applyFont="1" applyBorder="1" applyAlignment="1">
      <alignment vertical="center"/>
    </xf>
    <xf numFmtId="0" fontId="5" fillId="0" borderId="0" xfId="0" applyFont="1" applyAlignment="1">
      <alignment vertical="center"/>
    </xf>
    <xf numFmtId="0" fontId="2" fillId="0" borderId="5" xfId="0" applyFont="1" applyBorder="1" applyAlignment="1">
      <alignment horizontal="center"/>
    </xf>
    <xf numFmtId="0" fontId="2" fillId="0" borderId="0" xfId="0" applyFont="1" applyAlignment="1">
      <alignment horizontal="center"/>
    </xf>
    <xf numFmtId="0" fontId="8" fillId="0" borderId="0" xfId="0" applyFont="1" applyAlignment="1">
      <alignment vertical="center" wrapText="1"/>
    </xf>
    <xf numFmtId="0" fontId="8" fillId="0" borderId="0" xfId="0" applyFont="1" applyAlignment="1">
      <alignment horizontal="left" vertical="center" wrapText="1"/>
    </xf>
    <xf numFmtId="0" fontId="8" fillId="0" borderId="0" xfId="0" applyFont="1" applyAlignment="1">
      <alignment horizontal="left"/>
    </xf>
    <xf numFmtId="0" fontId="8" fillId="0" borderId="0" xfId="0" applyFont="1"/>
    <xf numFmtId="0" fontId="2" fillId="0" borderId="0" xfId="3" applyFont="1" applyFill="1" applyAlignment="1">
      <alignment horizontal="left" vertical="center"/>
    </xf>
    <xf numFmtId="0" fontId="2" fillId="0" borderId="0" xfId="3" applyFont="1" applyFill="1" applyAlignment="1">
      <alignment horizontal="right" vertical="center"/>
    </xf>
    <xf numFmtId="0" fontId="2" fillId="0" borderId="11" xfId="3" applyFont="1" applyFill="1" applyBorder="1" applyAlignment="1">
      <alignment horizontal="left" vertical="center"/>
    </xf>
    <xf numFmtId="0" fontId="2" fillId="0" borderId="7" xfId="3" applyFont="1" applyFill="1" applyBorder="1" applyAlignment="1">
      <alignment horizontal="left" vertical="center"/>
    </xf>
    <xf numFmtId="0" fontId="2" fillId="0" borderId="6" xfId="3" applyFont="1" applyFill="1" applyBorder="1" applyAlignment="1">
      <alignment horizontal="left" vertical="center"/>
    </xf>
    <xf numFmtId="0" fontId="2" fillId="0" borderId="9" xfId="3" applyFont="1" applyFill="1" applyBorder="1" applyAlignment="1">
      <alignment horizontal="left" vertical="center"/>
    </xf>
    <xf numFmtId="0" fontId="2" fillId="0" borderId="1" xfId="3" applyFont="1" applyFill="1" applyBorder="1" applyAlignment="1">
      <alignment horizontal="left" vertical="center"/>
    </xf>
    <xf numFmtId="0" fontId="2" fillId="0" borderId="0" xfId="3" applyFont="1" applyFill="1" applyAlignment="1">
      <alignment vertical="center"/>
    </xf>
    <xf numFmtId="0" fontId="5" fillId="0" borderId="0" xfId="3" applyFont="1" applyFill="1" applyAlignment="1">
      <alignment vertical="center"/>
    </xf>
    <xf numFmtId="0" fontId="2" fillId="0" borderId="0" xfId="3" applyFont="1" applyFill="1" applyAlignment="1">
      <alignment horizontal="center" vertical="center"/>
    </xf>
    <xf numFmtId="0" fontId="2" fillId="0" borderId="3" xfId="3" applyFont="1" applyFill="1" applyBorder="1" applyAlignment="1">
      <alignment horizontal="center" vertical="center"/>
    </xf>
    <xf numFmtId="0" fontId="13" fillId="0" borderId="3" xfId="3" applyFont="1" applyFill="1" applyBorder="1" applyAlignment="1">
      <alignment horizontal="center" vertical="center"/>
    </xf>
    <xf numFmtId="0" fontId="2" fillId="0" borderId="0" xfId="3" applyFont="1" applyFill="1" applyBorder="1" applyAlignment="1">
      <alignment horizontal="center" vertical="center"/>
    </xf>
    <xf numFmtId="0" fontId="2" fillId="0" borderId="3" xfId="3" applyFont="1" applyFill="1" applyBorder="1" applyAlignment="1">
      <alignment horizontal="left" vertical="center"/>
    </xf>
    <xf numFmtId="0" fontId="13" fillId="0" borderId="0" xfId="3" applyFont="1" applyFill="1" applyAlignment="1">
      <alignment horizontal="center" vertical="center"/>
    </xf>
    <xf numFmtId="0" fontId="5" fillId="0" borderId="0" xfId="3" applyFont="1" applyFill="1" applyAlignment="1">
      <alignment horizontal="center" vertical="center"/>
    </xf>
    <xf numFmtId="0" fontId="2" fillId="0" borderId="15" xfId="3" applyFont="1" applyFill="1" applyBorder="1" applyAlignment="1">
      <alignment vertical="center"/>
    </xf>
    <xf numFmtId="0" fontId="2" fillId="0" borderId="14" xfId="3" applyFont="1" applyFill="1" applyBorder="1" applyAlignment="1">
      <alignment vertical="center"/>
    </xf>
    <xf numFmtId="0" fontId="2" fillId="0" borderId="13" xfId="3" applyFont="1" applyFill="1" applyBorder="1" applyAlignment="1">
      <alignment vertical="center"/>
    </xf>
    <xf numFmtId="0" fontId="2" fillId="0" borderId="14" xfId="3" applyFont="1" applyFill="1" applyBorder="1" applyAlignment="1">
      <alignment horizontal="left" vertical="center"/>
    </xf>
    <xf numFmtId="0" fontId="2" fillId="0" borderId="14" xfId="3" applyFont="1" applyFill="1" applyBorder="1" applyAlignment="1">
      <alignment horizontal="center" vertical="center"/>
    </xf>
    <xf numFmtId="0" fontId="13" fillId="0" borderId="14" xfId="3" applyFont="1" applyFill="1" applyBorder="1" applyAlignment="1">
      <alignment horizontal="center" vertical="center"/>
    </xf>
    <xf numFmtId="0" fontId="2" fillId="0" borderId="9" xfId="3" applyFont="1" applyFill="1" applyBorder="1" applyAlignment="1">
      <alignment horizontal="center"/>
    </xf>
    <xf numFmtId="0" fontId="2" fillId="0" borderId="0" xfId="3" applyFont="1" applyFill="1" applyBorder="1" applyAlignment="1"/>
    <xf numFmtId="0" fontId="2" fillId="0" borderId="1" xfId="3" applyFont="1" applyFill="1" applyBorder="1" applyAlignment="1"/>
    <xf numFmtId="0" fontId="2" fillId="0" borderId="0" xfId="3" applyFont="1" applyFill="1" applyAlignment="1"/>
    <xf numFmtId="0" fontId="8" fillId="0" borderId="9" xfId="3" applyFont="1" applyFill="1" applyBorder="1" applyAlignment="1">
      <alignment horizontal="left" vertical="center"/>
    </xf>
    <xf numFmtId="0" fontId="8" fillId="0" borderId="0" xfId="3" applyFont="1" applyFill="1" applyAlignment="1">
      <alignment vertical="center"/>
    </xf>
    <xf numFmtId="0" fontId="8" fillId="0" borderId="1" xfId="3" applyFont="1" applyFill="1" applyBorder="1" applyAlignment="1">
      <alignment horizontal="left" vertical="center"/>
    </xf>
    <xf numFmtId="0" fontId="8" fillId="0" borderId="0" xfId="3" applyFont="1" applyFill="1" applyAlignment="1">
      <alignment horizontal="left" vertical="center"/>
    </xf>
    <xf numFmtId="0" fontId="2" fillId="0" borderId="0" xfId="3" applyFont="1" applyFill="1" applyBorder="1" applyAlignment="1">
      <alignment horizontal="center" vertical="center" wrapText="1"/>
    </xf>
    <xf numFmtId="0" fontId="2" fillId="0" borderId="5" xfId="3" applyFont="1" applyFill="1" applyBorder="1" applyAlignment="1">
      <alignment horizontal="center"/>
    </xf>
    <xf numFmtId="0" fontId="2" fillId="0" borderId="3" xfId="3" applyFont="1" applyFill="1" applyBorder="1" applyAlignment="1"/>
    <xf numFmtId="0" fontId="2" fillId="0" borderId="2" xfId="3" applyFont="1" applyFill="1" applyBorder="1" applyAlignment="1"/>
    <xf numFmtId="0" fontId="8" fillId="0" borderId="0" xfId="3" applyFont="1" applyFill="1" applyAlignment="1"/>
    <xf numFmtId="0" fontId="8" fillId="0" borderId="0" xfId="3" applyFont="1" applyFill="1" applyAlignment="1">
      <alignment horizontal="left"/>
    </xf>
    <xf numFmtId="0" fontId="2" fillId="0" borderId="0" xfId="3" applyFont="1" applyFill="1" applyAlignment="1">
      <alignment horizontal="center"/>
    </xf>
    <xf numFmtId="0" fontId="4" fillId="0" borderId="0" xfId="4" applyFont="1" applyAlignment="1">
      <alignment horizontal="left" vertical="top"/>
    </xf>
    <xf numFmtId="0" fontId="4" fillId="0" borderId="0" xfId="4" applyFont="1" applyAlignment="1">
      <alignment horizontal="right" vertical="center"/>
    </xf>
    <xf numFmtId="0" fontId="4" fillId="0" borderId="0" xfId="4" applyFont="1" applyAlignment="1">
      <alignment vertical="center"/>
    </xf>
    <xf numFmtId="0" fontId="4" fillId="0" borderId="0" xfId="4" applyFont="1" applyAlignment="1">
      <alignment horizontal="center" vertical="top"/>
    </xf>
    <xf numFmtId="0" fontId="4" fillId="0" borderId="36" xfId="4" applyFont="1" applyBorder="1" applyAlignment="1">
      <alignment horizontal="center" vertical="center"/>
    </xf>
    <xf numFmtId="0" fontId="4" fillId="0" borderId="17" xfId="4" applyFont="1" applyBorder="1" applyAlignment="1">
      <alignment horizontal="center" vertical="center"/>
    </xf>
    <xf numFmtId="0" fontId="4" fillId="0" borderId="16" xfId="4" applyFont="1" applyBorder="1" applyAlignment="1">
      <alignment horizontal="center" vertical="center"/>
    </xf>
    <xf numFmtId="0" fontId="4" fillId="0" borderId="0" xfId="4" applyFont="1" applyAlignment="1">
      <alignment horizontal="left" vertical="center"/>
    </xf>
    <xf numFmtId="0" fontId="4" fillId="0" borderId="7" xfId="4" applyFont="1" applyBorder="1" applyAlignment="1">
      <alignment horizontal="center" vertical="center"/>
    </xf>
    <xf numFmtId="0" fontId="4" fillId="0" borderId="6" xfId="4" applyFont="1" applyBorder="1" applyAlignment="1">
      <alignment horizontal="left" vertical="center"/>
    </xf>
    <xf numFmtId="0" fontId="4" fillId="0" borderId="15" xfId="4" applyFont="1" applyBorder="1" applyAlignment="1">
      <alignment horizontal="center" vertical="center"/>
    </xf>
    <xf numFmtId="0" fontId="4" fillId="0" borderId="13" xfId="4" applyFont="1" applyBorder="1" applyAlignment="1">
      <alignment horizontal="left" vertical="center"/>
    </xf>
    <xf numFmtId="0" fontId="4" fillId="0" borderId="14" xfId="4" applyFont="1" applyBorder="1" applyAlignment="1">
      <alignment horizontal="left" vertical="center"/>
    </xf>
    <xf numFmtId="0" fontId="4" fillId="0" borderId="0" xfId="4" applyFont="1" applyAlignment="1">
      <alignment horizontal="center" vertical="center"/>
    </xf>
    <xf numFmtId="0" fontId="4" fillId="0" borderId="7" xfId="4" applyFont="1" applyBorder="1" applyAlignment="1">
      <alignment horizontal="left" vertical="center"/>
    </xf>
    <xf numFmtId="0" fontId="4" fillId="0" borderId="1" xfId="4" applyFont="1" applyBorder="1" applyAlignment="1">
      <alignment horizontal="left" vertical="center"/>
    </xf>
    <xf numFmtId="0" fontId="4" fillId="0" borderId="5" xfId="4" applyFont="1" applyBorder="1" applyAlignment="1">
      <alignment horizontal="center" vertical="center"/>
    </xf>
    <xf numFmtId="0" fontId="4" fillId="0" borderId="3" xfId="4" applyFont="1" applyBorder="1" applyAlignment="1">
      <alignment horizontal="left" vertical="center"/>
    </xf>
    <xf numFmtId="0" fontId="4" fillId="0" borderId="35" xfId="4" applyFont="1" applyBorder="1" applyAlignment="1">
      <alignment horizontal="center" vertical="center"/>
    </xf>
    <xf numFmtId="0" fontId="4" fillId="0" borderId="34" xfId="4" applyFont="1" applyBorder="1" applyAlignment="1">
      <alignment horizontal="left" vertical="center"/>
    </xf>
    <xf numFmtId="0" fontId="4" fillId="0" borderId="20" xfId="4" applyFont="1" applyBorder="1" applyAlignment="1">
      <alignment horizontal="center" vertical="center"/>
    </xf>
    <xf numFmtId="0" fontId="4" fillId="0" borderId="19" xfId="4" applyFont="1" applyBorder="1" applyAlignment="1">
      <alignment horizontal="left" vertical="center"/>
    </xf>
    <xf numFmtId="0" fontId="4" fillId="0" borderId="28" xfId="4" applyFont="1" applyBorder="1" applyAlignment="1">
      <alignment horizontal="left" vertical="top"/>
    </xf>
    <xf numFmtId="0" fontId="4" fillId="0" borderId="3" xfId="4" applyFont="1" applyBorder="1" applyAlignment="1">
      <alignment horizontal="left" vertical="top"/>
    </xf>
    <xf numFmtId="0" fontId="4" fillId="0" borderId="7" xfId="4" applyFont="1" applyBorder="1" applyAlignment="1">
      <alignment horizontal="left" vertical="top"/>
    </xf>
    <xf numFmtId="0" fontId="7" fillId="0" borderId="7" xfId="0" applyFont="1" applyBorder="1" applyAlignment="1">
      <alignment horizontal="center" vertical="center"/>
    </xf>
    <xf numFmtId="0" fontId="2" fillId="0" borderId="15" xfId="0" applyFont="1" applyBorder="1" applyAlignment="1">
      <alignment horizontal="center" vertical="center" wrapText="1"/>
    </xf>
    <xf numFmtId="0" fontId="8" fillId="0" borderId="0" xfId="0" applyFont="1" applyAlignment="1">
      <alignment horizontal="left" vertical="center"/>
    </xf>
    <xf numFmtId="0" fontId="8" fillId="0" borderId="0" xfId="0" applyFont="1" applyAlignment="1">
      <alignment vertical="center"/>
    </xf>
    <xf numFmtId="0" fontId="2" fillId="0" borderId="5" xfId="0" applyFont="1" applyBorder="1" applyAlignment="1">
      <alignment horizontal="center" vertical="center" wrapText="1"/>
    </xf>
    <xf numFmtId="0" fontId="8" fillId="0" borderId="3" xfId="0" applyFont="1" applyBorder="1" applyAlignment="1">
      <alignment horizontal="left" vertical="top" wrapText="1"/>
    </xf>
    <xf numFmtId="0" fontId="5" fillId="0" borderId="0" xfId="0" applyFont="1" applyAlignment="1">
      <alignment horizontal="left" vertical="center"/>
    </xf>
    <xf numFmtId="0" fontId="2" fillId="0" borderId="0" xfId="0" applyFont="1" applyAlignment="1">
      <alignment horizontal="center" vertical="center" wrapText="1"/>
    </xf>
    <xf numFmtId="0" fontId="2" fillId="0" borderId="1" xfId="0" applyFont="1" applyBorder="1" applyAlignment="1">
      <alignment vertical="center" wrapText="1"/>
    </xf>
    <xf numFmtId="0" fontId="2" fillId="0" borderId="3" xfId="0" applyFont="1" applyBorder="1" applyAlignment="1">
      <alignment horizontal="center" vertical="center" wrapText="1"/>
    </xf>
    <xf numFmtId="0" fontId="2" fillId="0" borderId="2" xfId="0" applyFont="1" applyBorder="1" applyAlignment="1">
      <alignment horizontal="center" vertical="center" wrapText="1"/>
    </xf>
    <xf numFmtId="0" fontId="2" fillId="0" borderId="0" xfId="0" applyFont="1" applyAlignment="1">
      <alignment horizontal="center" vertical="center"/>
    </xf>
    <xf numFmtId="0" fontId="2" fillId="0" borderId="18" xfId="0" applyFont="1" applyBorder="1" applyAlignment="1">
      <alignment horizontal="center"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7" xfId="0" applyFont="1" applyBorder="1" applyAlignment="1">
      <alignment horizontal="center" vertical="center"/>
    </xf>
    <xf numFmtId="0" fontId="2" fillId="0" borderId="3" xfId="0" applyFont="1" applyBorder="1" applyAlignment="1">
      <alignment horizontal="center" vertical="center"/>
    </xf>
    <xf numFmtId="0" fontId="2" fillId="0" borderId="7" xfId="0" applyFont="1" applyBorder="1" applyAlignment="1">
      <alignment horizontal="center" vertical="center" wrapText="1"/>
    </xf>
    <xf numFmtId="0" fontId="2" fillId="0" borderId="0" xfId="0" applyFont="1" applyAlignment="1">
      <alignment horizontal="center" vertical="center" wrapText="1"/>
    </xf>
    <xf numFmtId="0" fontId="2" fillId="0" borderId="9" xfId="0" applyFont="1" applyBorder="1" applyAlignment="1">
      <alignment horizontal="center" vertical="center"/>
    </xf>
    <xf numFmtId="0" fontId="2" fillId="0" borderId="1" xfId="0" applyFont="1" applyBorder="1" applyAlignment="1">
      <alignment horizontal="center" vertical="center"/>
    </xf>
    <xf numFmtId="0" fontId="2" fillId="0" borderId="7"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5" fillId="0" borderId="0" xfId="0" applyFont="1" applyAlignment="1">
      <alignment horizontal="center" vertical="center"/>
    </xf>
    <xf numFmtId="0" fontId="2" fillId="0" borderId="14" xfId="0" applyFont="1" applyBorder="1" applyAlignment="1">
      <alignment vertical="center"/>
    </xf>
    <xf numFmtId="0" fontId="2" fillId="0" borderId="5"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vertical="center"/>
    </xf>
    <xf numFmtId="0" fontId="2" fillId="0" borderId="3" xfId="0" applyFont="1" applyBorder="1" applyAlignment="1">
      <alignment vertical="center"/>
    </xf>
    <xf numFmtId="0" fontId="5" fillId="0" borderId="18" xfId="0" applyFont="1" applyBorder="1" applyAlignment="1">
      <alignment horizontal="center" vertical="center"/>
    </xf>
    <xf numFmtId="0" fontId="7" fillId="0" borderId="9" xfId="0" applyFont="1" applyBorder="1" applyAlignment="1">
      <alignment horizontal="center"/>
    </xf>
    <xf numFmtId="0" fontId="7" fillId="0" borderId="0" xfId="0" applyFont="1" applyAlignment="1">
      <alignment horizontal="center"/>
    </xf>
    <xf numFmtId="0" fontId="7" fillId="0" borderId="1" xfId="0" applyFont="1" applyBorder="1" applyAlignment="1">
      <alignment horizontal="center"/>
    </xf>
    <xf numFmtId="0" fontId="2" fillId="0" borderId="9" xfId="0" applyFont="1" applyBorder="1" applyAlignment="1">
      <alignment vertical="center" wrapText="1"/>
    </xf>
    <xf numFmtId="0" fontId="2" fillId="0" borderId="0" xfId="0" applyFont="1" applyAlignment="1">
      <alignment vertical="center" wrapText="1"/>
    </xf>
    <xf numFmtId="0" fontId="5" fillId="0" borderId="3" xfId="0" applyFont="1" applyBorder="1" applyAlignment="1">
      <alignment horizontal="center" vertical="center"/>
    </xf>
    <xf numFmtId="0" fontId="5" fillId="0" borderId="3" xfId="0" applyFont="1" applyBorder="1" applyAlignment="1">
      <alignment horizontal="left" vertical="center" wrapText="1" indent="1"/>
    </xf>
    <xf numFmtId="0" fontId="5" fillId="0" borderId="3" xfId="0" applyFont="1" applyBorder="1" applyAlignment="1">
      <alignment horizontal="left" vertical="center" wrapText="1"/>
    </xf>
    <xf numFmtId="0" fontId="2" fillId="0" borderId="9" xfId="0" applyFont="1" applyBorder="1" applyAlignment="1">
      <alignment horizontal="left" vertical="center"/>
    </xf>
    <xf numFmtId="0" fontId="5" fillId="0" borderId="4" xfId="0" applyFont="1" applyBorder="1" applyAlignment="1">
      <alignment horizontal="center" vertical="center"/>
    </xf>
    <xf numFmtId="0" fontId="7" fillId="0" borderId="5" xfId="0" applyFont="1" applyBorder="1" applyAlignment="1">
      <alignment horizontal="center" vertical="center"/>
    </xf>
    <xf numFmtId="0" fontId="7" fillId="0" borderId="3" xfId="0" applyFont="1" applyBorder="1" applyAlignment="1">
      <alignment horizontal="center" vertical="center"/>
    </xf>
    <xf numFmtId="0" fontId="7" fillId="0" borderId="2" xfId="0" applyFont="1" applyBorder="1" applyAlignment="1">
      <alignment horizontal="center" vertical="center"/>
    </xf>
    <xf numFmtId="0" fontId="2" fillId="0" borderId="0" xfId="0" applyFont="1" applyAlignment="1">
      <alignment horizontal="left"/>
    </xf>
    <xf numFmtId="0" fontId="2" fillId="0" borderId="0" xfId="5" applyFont="1" applyAlignment="1">
      <alignment horizontal="left" vertical="center"/>
    </xf>
    <xf numFmtId="0" fontId="1" fillId="0" borderId="0" xfId="5" applyAlignment="1"/>
    <xf numFmtId="0" fontId="2" fillId="0" borderId="15" xfId="5" applyFont="1" applyBorder="1" applyAlignment="1">
      <alignment horizontal="center" vertical="center"/>
    </xf>
    <xf numFmtId="0" fontId="2" fillId="0" borderId="14" xfId="5" applyFont="1" applyBorder="1" applyAlignment="1">
      <alignment vertical="center"/>
    </xf>
    <xf numFmtId="0" fontId="2" fillId="0" borderId="0" xfId="5" applyFont="1" applyAlignment="1">
      <alignment horizontal="center" vertical="center"/>
    </xf>
    <xf numFmtId="0" fontId="2" fillId="0" borderId="14" xfId="5" applyFont="1" applyBorder="1" applyAlignment="1">
      <alignment horizontal="left" vertical="center"/>
    </xf>
    <xf numFmtId="0" fontId="2" fillId="0" borderId="13" xfId="5" applyFont="1" applyBorder="1" applyAlignment="1">
      <alignment horizontal="left" vertical="center"/>
    </xf>
    <xf numFmtId="0" fontId="2" fillId="0" borderId="7" xfId="5" applyFont="1" applyBorder="1" applyAlignment="1">
      <alignment horizontal="left" vertical="center"/>
    </xf>
    <xf numFmtId="0" fontId="2" fillId="0" borderId="7" xfId="5" applyFont="1" applyBorder="1" applyAlignment="1">
      <alignment horizontal="left" vertical="center" wrapText="1"/>
    </xf>
    <xf numFmtId="0" fontId="2" fillId="0" borderId="6" xfId="5" applyFont="1" applyBorder="1" applyAlignment="1">
      <alignment horizontal="left" vertical="center" wrapText="1"/>
    </xf>
    <xf numFmtId="0" fontId="2" fillId="0" borderId="0" xfId="5" applyFont="1" applyAlignment="1">
      <alignment horizontal="left" vertical="center" wrapText="1"/>
    </xf>
    <xf numFmtId="0" fontId="2" fillId="0" borderId="1" xfId="5" applyFont="1" applyBorder="1" applyAlignment="1">
      <alignment horizontal="left" vertical="center" wrapText="1"/>
    </xf>
    <xf numFmtId="0" fontId="2" fillId="0" borderId="5" xfId="5" applyFont="1" applyBorder="1" applyAlignment="1">
      <alignment horizontal="center" vertical="center"/>
    </xf>
    <xf numFmtId="0" fontId="2" fillId="0" borderId="3" xfId="5" applyFont="1" applyBorder="1" applyAlignment="1">
      <alignment horizontal="left" vertical="center"/>
    </xf>
    <xf numFmtId="0" fontId="2" fillId="0" borderId="3" xfId="5" applyFont="1" applyBorder="1" applyAlignment="1">
      <alignment horizontal="left" vertical="center" wrapText="1"/>
    </xf>
    <xf numFmtId="0" fontId="2" fillId="0" borderId="2" xfId="5" applyFont="1" applyBorder="1" applyAlignment="1">
      <alignment horizontal="left" vertical="center" wrapText="1"/>
    </xf>
    <xf numFmtId="0" fontId="2" fillId="0" borderId="11" xfId="5" applyFont="1" applyBorder="1" applyAlignment="1">
      <alignment horizontal="left" vertical="center"/>
    </xf>
    <xf numFmtId="0" fontId="2" fillId="0" borderId="6" xfId="5" applyFont="1" applyBorder="1" applyAlignment="1">
      <alignment horizontal="left" vertical="center"/>
    </xf>
    <xf numFmtId="0" fontId="2" fillId="0" borderId="9" xfId="5" applyFont="1" applyBorder="1" applyAlignment="1">
      <alignment horizontal="left" vertical="center"/>
    </xf>
    <xf numFmtId="0" fontId="2" fillId="0" borderId="1" xfId="5" applyFont="1" applyBorder="1" applyAlignment="1">
      <alignment horizontal="left" vertical="center"/>
    </xf>
    <xf numFmtId="0" fontId="2" fillId="0" borderId="13" xfId="5" applyFont="1" applyBorder="1" applyAlignment="1">
      <alignment horizontal="center" vertical="center"/>
    </xf>
    <xf numFmtId="0" fontId="2" fillId="0" borderId="15" xfId="5" applyFont="1" applyBorder="1" applyAlignment="1">
      <alignment horizontal="left" vertical="center"/>
    </xf>
    <xf numFmtId="0" fontId="14" fillId="0" borderId="11" xfId="5" applyFont="1" applyBorder="1" applyAlignment="1">
      <alignment horizontal="center" vertical="center"/>
    </xf>
    <xf numFmtId="0" fontId="7" fillId="0" borderId="7" xfId="5" applyFont="1" applyBorder="1" applyAlignment="1">
      <alignment horizontal="center" vertical="center"/>
    </xf>
    <xf numFmtId="0" fontId="14" fillId="0" borderId="13" xfId="5" applyFont="1" applyBorder="1" applyAlignment="1">
      <alignment horizontal="center" vertical="center"/>
    </xf>
    <xf numFmtId="0" fontId="2" fillId="0" borderId="14" xfId="5" applyFont="1" applyBorder="1" applyAlignment="1">
      <alignment horizontal="center" vertical="center"/>
    </xf>
    <xf numFmtId="0" fontId="1" fillId="0" borderId="3" xfId="5" applyBorder="1" applyAlignment="1"/>
    <xf numFmtId="0" fontId="2" fillId="0" borderId="4" xfId="5" applyFont="1" applyBorder="1" applyAlignment="1">
      <alignment horizontal="center" vertical="center"/>
    </xf>
    <xf numFmtId="0" fontId="2" fillId="0" borderId="3" xfId="5" applyFont="1" applyBorder="1" applyAlignment="1">
      <alignment vertical="center"/>
    </xf>
    <xf numFmtId="0" fontId="2" fillId="0" borderId="10" xfId="5" applyFont="1" applyBorder="1" applyAlignment="1">
      <alignment horizontal="left" vertical="center"/>
    </xf>
    <xf numFmtId="0" fontId="1" fillId="0" borderId="9" xfId="5" applyBorder="1" applyAlignment="1"/>
    <xf numFmtId="0" fontId="2" fillId="0" borderId="18" xfId="5" applyFont="1" applyBorder="1" applyAlignment="1">
      <alignment horizontal="center" vertical="center"/>
    </xf>
    <xf numFmtId="0" fontId="2" fillId="0" borderId="5" xfId="5" applyFont="1" applyBorder="1" applyAlignment="1">
      <alignment horizontal="left" vertical="center"/>
    </xf>
    <xf numFmtId="0" fontId="2" fillId="0" borderId="2" xfId="5" applyFont="1" applyBorder="1" applyAlignment="1">
      <alignment horizontal="left" vertical="center"/>
    </xf>
    <xf numFmtId="0" fontId="7" fillId="0" borderId="0" xfId="5" applyFont="1" applyAlignment="1">
      <alignment horizontal="center" vertical="center"/>
    </xf>
    <xf numFmtId="0" fontId="2" fillId="0" borderId="1" xfId="5" applyFont="1" applyBorder="1" applyAlignment="1">
      <alignment vertical="center"/>
    </xf>
    <xf numFmtId="0" fontId="2" fillId="0" borderId="1" xfId="5" applyFont="1" applyBorder="1" applyAlignment="1">
      <alignment horizontal="center" vertical="center"/>
    </xf>
    <xf numFmtId="0" fontId="2" fillId="0" borderId="0" xfId="5" applyFont="1" applyAlignment="1">
      <alignment vertical="center"/>
    </xf>
    <xf numFmtId="0" fontId="2" fillId="0" borderId="7" xfId="5" applyFont="1" applyBorder="1" applyAlignment="1">
      <alignment horizontal="center" vertical="center"/>
    </xf>
    <xf numFmtId="0" fontId="2" fillId="0" borderId="3" xfId="5" applyFont="1" applyBorder="1" applyAlignment="1">
      <alignment horizontal="center" vertical="center"/>
    </xf>
    <xf numFmtId="0" fontId="0" fillId="0" borderId="4" xfId="2" applyFont="1" applyFill="1" applyBorder="1" applyAlignment="1">
      <alignment horizontal="left" vertical="center" wrapText="1"/>
    </xf>
    <xf numFmtId="0" fontId="2" fillId="0" borderId="9" xfId="0" applyFont="1" applyBorder="1" applyAlignment="1">
      <alignment vertical="center"/>
    </xf>
    <xf numFmtId="0" fontId="2" fillId="0" borderId="5" xfId="0" applyFont="1" applyBorder="1" applyAlignment="1">
      <alignment vertical="center" wrapText="1"/>
    </xf>
    <xf numFmtId="0" fontId="2" fillId="0" borderId="3" xfId="0" applyFont="1" applyBorder="1" applyAlignment="1">
      <alignment vertical="center" wrapText="1"/>
    </xf>
    <xf numFmtId="0" fontId="2" fillId="0" borderId="0" xfId="0" applyFont="1" applyBorder="1" applyAlignment="1">
      <alignment horizontal="left" vertical="center"/>
    </xf>
    <xf numFmtId="0" fontId="0" fillId="0" borderId="9" xfId="0" applyBorder="1"/>
    <xf numFmtId="0" fontId="2" fillId="0" borderId="15" xfId="0" applyFont="1" applyBorder="1" applyAlignment="1">
      <alignment horizontal="center" vertical="center"/>
    </xf>
    <xf numFmtId="0" fontId="2" fillId="0" borderId="0" xfId="0" applyFont="1" applyAlignment="1">
      <alignment horizontal="left" vertical="top" wrapText="1"/>
    </xf>
    <xf numFmtId="0" fontId="2" fillId="0" borderId="9" xfId="0" applyFont="1" applyBorder="1" applyAlignment="1">
      <alignment horizontal="center" vertical="center"/>
    </xf>
    <xf numFmtId="0" fontId="2" fillId="0" borderId="14" xfId="0" applyFont="1" applyBorder="1" applyAlignment="1">
      <alignment vertical="center"/>
    </xf>
    <xf numFmtId="0" fontId="2" fillId="0" borderId="15" xfId="1" applyFont="1" applyBorder="1" applyAlignment="1">
      <alignment horizontal="center" vertical="center"/>
    </xf>
    <xf numFmtId="0" fontId="2" fillId="0" borderId="14" xfId="1" applyFont="1" applyBorder="1" applyAlignment="1">
      <alignment horizontal="center" vertical="center"/>
    </xf>
    <xf numFmtId="0" fontId="10" fillId="0" borderId="14" xfId="0" applyFont="1" applyBorder="1" applyAlignment="1">
      <alignment vertical="center"/>
    </xf>
    <xf numFmtId="0" fontId="10" fillId="0" borderId="13" xfId="0" applyFont="1" applyBorder="1" applyAlignment="1">
      <alignment vertical="center"/>
    </xf>
    <xf numFmtId="0" fontId="2" fillId="0" borderId="11" xfId="1" applyFont="1" applyBorder="1" applyAlignment="1">
      <alignment horizontal="center" vertical="center"/>
    </xf>
    <xf numFmtId="0" fontId="2" fillId="0" borderId="7" xfId="1" applyFont="1" applyBorder="1" applyAlignment="1">
      <alignment horizontal="center" vertical="center"/>
    </xf>
    <xf numFmtId="0" fontId="10" fillId="0" borderId="7" xfId="0" applyFont="1" applyBorder="1" applyAlignment="1">
      <alignment vertical="center"/>
    </xf>
    <xf numFmtId="0" fontId="10" fillId="0" borderId="6" xfId="0" applyFont="1" applyBorder="1" applyAlignment="1">
      <alignment vertical="center"/>
    </xf>
    <xf numFmtId="0" fontId="2" fillId="0" borderId="5" xfId="1" applyFont="1" applyBorder="1" applyAlignment="1">
      <alignment horizontal="center" vertical="center"/>
    </xf>
    <xf numFmtId="0" fontId="10" fillId="0" borderId="3" xfId="0" applyFont="1" applyBorder="1" applyAlignment="1">
      <alignment vertical="center"/>
    </xf>
    <xf numFmtId="0" fontId="10" fillId="0" borderId="3" xfId="0" applyFont="1" applyBorder="1" applyAlignment="1">
      <alignment horizontal="left" vertical="center"/>
    </xf>
    <xf numFmtId="0" fontId="10" fillId="0" borderId="2" xfId="0" applyFont="1" applyBorder="1" applyAlignment="1">
      <alignment horizontal="left" vertical="center"/>
    </xf>
    <xf numFmtId="0" fontId="2" fillId="0" borderId="11" xfId="0" applyFont="1" applyBorder="1" applyAlignment="1">
      <alignment vertical="center"/>
    </xf>
    <xf numFmtId="0" fontId="2" fillId="0" borderId="6" xfId="0" applyFont="1" applyBorder="1" applyAlignment="1">
      <alignment vertical="center"/>
    </xf>
    <xf numFmtId="0" fontId="2" fillId="0" borderId="0" xfId="1" applyFont="1" applyAlignment="1">
      <alignment horizontal="center" vertical="center"/>
    </xf>
    <xf numFmtId="0" fontId="2" fillId="0" borderId="5" xfId="0" applyFont="1" applyBorder="1" applyAlignment="1">
      <alignment vertical="center"/>
    </xf>
    <xf numFmtId="0" fontId="2" fillId="0" borderId="3" xfId="1" applyFont="1" applyBorder="1" applyAlignment="1">
      <alignment horizontal="center" vertical="center"/>
    </xf>
    <xf numFmtId="0" fontId="2" fillId="0" borderId="2" xfId="0" applyFont="1" applyBorder="1" applyAlignment="1">
      <alignment vertical="center"/>
    </xf>
    <xf numFmtId="0" fontId="9" fillId="0" borderId="1" xfId="0" applyFont="1" applyBorder="1" applyAlignment="1">
      <alignment vertical="center" shrinkToFit="1"/>
    </xf>
    <xf numFmtId="0" fontId="2" fillId="0" borderId="4" xfId="0" applyFont="1" applyBorder="1" applyAlignment="1">
      <alignment horizontal="center" vertical="center"/>
    </xf>
    <xf numFmtId="0" fontId="10" fillId="0" borderId="5" xfId="0" applyFont="1" applyBorder="1" applyAlignment="1">
      <alignment horizontal="left" vertical="center"/>
    </xf>
    <xf numFmtId="177" fontId="2" fillId="0" borderId="0" xfId="0" applyNumberFormat="1" applyFont="1" applyAlignment="1">
      <alignment vertical="center"/>
    </xf>
    <xf numFmtId="177" fontId="2" fillId="0" borderId="3" xfId="0" applyNumberFormat="1" applyFont="1" applyBorder="1" applyAlignment="1">
      <alignment vertical="center"/>
    </xf>
    <xf numFmtId="0" fontId="9" fillId="0" borderId="0" xfId="0" applyFont="1" applyAlignment="1">
      <alignment vertical="center"/>
    </xf>
    <xf numFmtId="0" fontId="8" fillId="0" borderId="0" xfId="0" applyFont="1" applyAlignment="1">
      <alignment vertical="top"/>
    </xf>
    <xf numFmtId="0" fontId="2" fillId="0" borderId="15" xfId="0" applyFont="1" applyBorder="1"/>
    <xf numFmtId="0" fontId="2" fillId="0" borderId="14" xfId="0" applyFont="1" applyBorder="1"/>
    <xf numFmtId="0" fontId="2" fillId="0" borderId="9" xfId="0" applyFont="1" applyBorder="1"/>
    <xf numFmtId="0" fontId="2" fillId="0" borderId="5" xfId="0" applyFont="1" applyBorder="1"/>
    <xf numFmtId="0" fontId="2" fillId="0" borderId="11" xfId="0" applyFont="1" applyBorder="1" applyAlignment="1">
      <alignment horizontal="center"/>
    </xf>
    <xf numFmtId="0" fontId="2" fillId="0" borderId="9" xfId="0" applyFont="1" applyBorder="1" applyAlignment="1">
      <alignment horizontal="center"/>
    </xf>
    <xf numFmtId="0" fontId="6" fillId="0" borderId="0" xfId="2" applyFont="1" applyFill="1" applyAlignment="1">
      <alignment horizontal="center" vertical="center"/>
    </xf>
    <xf numFmtId="0" fontId="0" fillId="0" borderId="3" xfId="2" applyFont="1" applyFill="1" applyBorder="1" applyAlignment="1">
      <alignment horizontal="left" vertical="center" wrapText="1"/>
    </xf>
    <xf numFmtId="0" fontId="0" fillId="0" borderId="8" xfId="2" applyFont="1" applyFill="1" applyBorder="1" applyAlignment="1">
      <alignment horizontal="left" vertical="center" wrapText="1"/>
    </xf>
    <xf numFmtId="0" fontId="0" fillId="0" borderId="10" xfId="2" applyFont="1" applyFill="1" applyBorder="1" applyAlignment="1">
      <alignment horizontal="left" vertical="center" wrapText="1"/>
    </xf>
    <xf numFmtId="0" fontId="0" fillId="0" borderId="4" xfId="2" applyFont="1" applyFill="1" applyBorder="1" applyAlignment="1">
      <alignment horizontal="left" vertical="center" wrapText="1"/>
    </xf>
    <xf numFmtId="0" fontId="4" fillId="0" borderId="15" xfId="4" applyFont="1" applyBorder="1" applyAlignment="1">
      <alignment horizontal="center" vertical="center"/>
    </xf>
    <xf numFmtId="0" fontId="4" fillId="0" borderId="14" xfId="4" applyFont="1" applyBorder="1" applyAlignment="1">
      <alignment horizontal="center" vertical="center"/>
    </xf>
    <xf numFmtId="0" fontId="4" fillId="0" borderId="13" xfId="4" applyFont="1" applyBorder="1" applyAlignment="1">
      <alignment horizontal="center" vertical="center"/>
    </xf>
    <xf numFmtId="0" fontId="4" fillId="0" borderId="0" xfId="4" applyFont="1" applyAlignment="1">
      <alignment horizontal="center" vertical="center"/>
    </xf>
    <xf numFmtId="0" fontId="4" fillId="0" borderId="0" xfId="4" applyFont="1" applyAlignment="1">
      <alignment horizontal="right" vertical="center"/>
    </xf>
    <xf numFmtId="0" fontId="4" fillId="0" borderId="0" xfId="4" applyFont="1" applyAlignment="1">
      <alignment horizontal="left" vertical="top" wrapText="1"/>
    </xf>
    <xf numFmtId="0" fontId="4" fillId="0" borderId="11" xfId="4" applyFont="1" applyBorder="1" applyAlignment="1">
      <alignment horizontal="left" vertical="top" wrapText="1"/>
    </xf>
    <xf numFmtId="0" fontId="4" fillId="0" borderId="7" xfId="4" applyFont="1" applyBorder="1" applyAlignment="1">
      <alignment horizontal="left" vertical="top" wrapText="1"/>
    </xf>
    <xf numFmtId="0" fontId="4" fillId="0" borderId="6" xfId="4" applyFont="1" applyBorder="1" applyAlignment="1">
      <alignment horizontal="left" vertical="top" wrapText="1"/>
    </xf>
    <xf numFmtId="0" fontId="1" fillId="0" borderId="9" xfId="4" applyBorder="1" applyAlignment="1">
      <alignment horizontal="left" vertical="top" wrapText="1"/>
    </xf>
    <xf numFmtId="0" fontId="1" fillId="0" borderId="0" xfId="4" applyAlignment="1">
      <alignment horizontal="left" vertical="top" wrapText="1"/>
    </xf>
    <xf numFmtId="0" fontId="1" fillId="0" borderId="1" xfId="4" applyBorder="1" applyAlignment="1">
      <alignment horizontal="left" vertical="top" wrapText="1"/>
    </xf>
    <xf numFmtId="0" fontId="1" fillId="0" borderId="5" xfId="4" applyBorder="1" applyAlignment="1">
      <alignment horizontal="left" vertical="top" wrapText="1"/>
    </xf>
    <xf numFmtId="0" fontId="1" fillId="0" borderId="3" xfId="4" applyBorder="1" applyAlignment="1">
      <alignment horizontal="left" vertical="top" wrapText="1"/>
    </xf>
    <xf numFmtId="0" fontId="1" fillId="0" borderId="2" xfId="4" applyBorder="1" applyAlignment="1">
      <alignment horizontal="left" vertical="top" wrapText="1"/>
    </xf>
    <xf numFmtId="0" fontId="4" fillId="0" borderId="11" xfId="4" applyFont="1" applyBorder="1" applyAlignment="1">
      <alignment horizontal="left" vertical="center"/>
    </xf>
    <xf numFmtId="0" fontId="4" fillId="0" borderId="7" xfId="4" applyFont="1" applyBorder="1" applyAlignment="1">
      <alignment horizontal="left" vertical="center"/>
    </xf>
    <xf numFmtId="0" fontId="4" fillId="0" borderId="6" xfId="4" applyFont="1" applyBorder="1" applyAlignment="1">
      <alignment horizontal="left" vertical="center"/>
    </xf>
    <xf numFmtId="0" fontId="4" fillId="0" borderId="9" xfId="4" applyFont="1" applyBorder="1" applyAlignment="1">
      <alignment horizontal="left" vertical="top" wrapText="1"/>
    </xf>
    <xf numFmtId="0" fontId="4" fillId="0" borderId="1" xfId="4" applyFont="1" applyBorder="1" applyAlignment="1">
      <alignment horizontal="left" vertical="top" wrapText="1"/>
    </xf>
    <xf numFmtId="0" fontId="4" fillId="0" borderId="5" xfId="4" applyFont="1" applyBorder="1" applyAlignment="1">
      <alignment horizontal="left" vertical="top" wrapText="1"/>
    </xf>
    <xf numFmtId="0" fontId="4" fillId="0" borderId="3" xfId="4" applyFont="1" applyBorder="1" applyAlignment="1">
      <alignment horizontal="left" vertical="top" wrapText="1"/>
    </xf>
    <xf numFmtId="0" fontId="4" fillId="0" borderId="2" xfId="4" applyFont="1" applyBorder="1" applyAlignment="1">
      <alignment horizontal="left" vertical="top" wrapText="1"/>
    </xf>
    <xf numFmtId="0" fontId="4" fillId="0" borderId="15" xfId="4" applyFont="1" applyBorder="1" applyAlignment="1">
      <alignment horizontal="left" vertical="top" wrapText="1"/>
    </xf>
    <xf numFmtId="0" fontId="4" fillId="0" borderId="14" xfId="4" applyFont="1" applyBorder="1" applyAlignment="1">
      <alignment horizontal="left" vertical="top" wrapText="1"/>
    </xf>
    <xf numFmtId="0" fontId="4" fillId="0" borderId="13" xfId="4" applyFont="1" applyBorder="1" applyAlignment="1">
      <alignment horizontal="left" vertical="top" wrapText="1"/>
    </xf>
    <xf numFmtId="0" fontId="4" fillId="0" borderId="15" xfId="4" applyFont="1" applyBorder="1" applyAlignment="1">
      <alignment horizontal="left" vertical="center"/>
    </xf>
    <xf numFmtId="0" fontId="4" fillId="0" borderId="14" xfId="4" applyFont="1" applyBorder="1" applyAlignment="1">
      <alignment horizontal="left" vertical="center"/>
    </xf>
    <xf numFmtId="0" fontId="4" fillId="0" borderId="13" xfId="4" applyFont="1" applyBorder="1" applyAlignment="1">
      <alignment horizontal="left" vertical="center"/>
    </xf>
    <xf numFmtId="0" fontId="4" fillId="0" borderId="9" xfId="4" applyFont="1" applyBorder="1" applyAlignment="1">
      <alignment horizontal="left" vertical="center"/>
    </xf>
    <xf numFmtId="0" fontId="4" fillId="0" borderId="0" xfId="4" applyFont="1" applyAlignment="1">
      <alignment horizontal="left" vertical="center"/>
    </xf>
    <xf numFmtId="0" fontId="4" fillId="0" borderId="1" xfId="4" applyFont="1" applyBorder="1" applyAlignment="1">
      <alignment horizontal="left" vertical="center"/>
    </xf>
    <xf numFmtId="0" fontId="4" fillId="0" borderId="35" xfId="4" applyFont="1" applyBorder="1" applyAlignment="1">
      <alignment horizontal="left" vertical="center"/>
    </xf>
    <xf numFmtId="0" fontId="4" fillId="0" borderId="34" xfId="4" applyFont="1" applyBorder="1" applyAlignment="1">
      <alignment horizontal="left" vertical="center"/>
    </xf>
    <xf numFmtId="0" fontId="4" fillId="0" borderId="33" xfId="4" applyFont="1" applyBorder="1" applyAlignment="1">
      <alignment horizontal="left" vertical="center"/>
    </xf>
    <xf numFmtId="0" fontId="4" fillId="0" borderId="32" xfId="4" applyFont="1" applyBorder="1" applyAlignment="1">
      <alignment horizontal="left" vertical="top" wrapText="1"/>
    </xf>
    <xf numFmtId="0" fontId="4" fillId="0" borderId="31" xfId="4" applyFont="1" applyBorder="1" applyAlignment="1">
      <alignment horizontal="left" vertical="top" wrapText="1"/>
    </xf>
    <xf numFmtId="0" fontId="4" fillId="0" borderId="30" xfId="4" applyFont="1" applyBorder="1" applyAlignment="1">
      <alignment horizontal="left" vertical="top" wrapText="1"/>
    </xf>
    <xf numFmtId="0" fontId="4" fillId="0" borderId="20" xfId="4" applyFont="1" applyBorder="1" applyAlignment="1">
      <alignment horizontal="left" vertical="center"/>
    </xf>
    <xf numFmtId="0" fontId="4" fillId="0" borderId="19" xfId="4" applyFont="1" applyBorder="1" applyAlignment="1">
      <alignment horizontal="left" vertical="center"/>
    </xf>
    <xf numFmtId="0" fontId="4" fillId="0" borderId="29" xfId="4" applyFont="1" applyBorder="1" applyAlignment="1">
      <alignment horizontal="left" vertical="center"/>
    </xf>
    <xf numFmtId="0" fontId="4" fillId="0" borderId="28" xfId="4" applyFont="1" applyBorder="1" applyAlignment="1">
      <alignment horizontal="center" vertical="top"/>
    </xf>
    <xf numFmtId="0" fontId="10" fillId="0" borderId="8" xfId="0" applyFont="1" applyBorder="1" applyAlignment="1">
      <alignment horizontal="center" vertical="center" wrapText="1"/>
    </xf>
    <xf numFmtId="0" fontId="0" fillId="0" borderId="10" xfId="0" applyBorder="1" applyAlignment="1">
      <alignment horizontal="center" vertical="center" wrapText="1"/>
    </xf>
    <xf numFmtId="0" fontId="0" fillId="0" borderId="4" xfId="0" applyBorder="1" applyAlignment="1">
      <alignment horizontal="center" vertical="center" wrapText="1"/>
    </xf>
    <xf numFmtId="0" fontId="10" fillId="0" borderId="18" xfId="0" applyFont="1" applyBorder="1" applyAlignment="1">
      <alignment horizontal="center" vertical="center" wrapText="1"/>
    </xf>
    <xf numFmtId="0" fontId="10" fillId="0" borderId="10" xfId="0" applyFont="1" applyBorder="1" applyAlignment="1">
      <alignment horizontal="center" vertical="center" wrapText="1"/>
    </xf>
    <xf numFmtId="0" fontId="10" fillId="0" borderId="4" xfId="0" applyFont="1" applyBorder="1" applyAlignment="1">
      <alignment horizontal="center" vertical="center" wrapText="1"/>
    </xf>
    <xf numFmtId="0" fontId="10" fillId="0" borderId="15" xfId="0" applyFont="1" applyBorder="1" applyAlignment="1">
      <alignment horizontal="center" vertical="center"/>
    </xf>
    <xf numFmtId="0" fontId="10" fillId="0" borderId="14" xfId="0" applyFont="1" applyBorder="1" applyAlignment="1">
      <alignment horizontal="center" vertical="center"/>
    </xf>
    <xf numFmtId="0" fontId="10" fillId="0" borderId="13" xfId="0" applyFont="1" applyBorder="1" applyAlignment="1">
      <alignment horizontal="center" vertical="center"/>
    </xf>
    <xf numFmtId="0" fontId="10" fillId="0" borderId="27" xfId="0" applyFont="1" applyBorder="1" applyAlignment="1">
      <alignment horizontal="center" vertical="center" wrapText="1"/>
    </xf>
    <xf numFmtId="0" fontId="10" fillId="0" borderId="27" xfId="0" applyFont="1" applyBorder="1" applyAlignment="1">
      <alignment horizontal="center" vertical="center" shrinkToFit="1"/>
    </xf>
    <xf numFmtId="0" fontId="10" fillId="0" borderId="22" xfId="0" applyFont="1" applyBorder="1" applyAlignment="1">
      <alignment horizontal="center" vertical="center"/>
    </xf>
    <xf numFmtId="0" fontId="10" fillId="0" borderId="23" xfId="0" applyFont="1" applyBorder="1" applyAlignment="1">
      <alignment horizontal="center" vertical="center" wrapText="1"/>
    </xf>
    <xf numFmtId="0" fontId="10" fillId="0" borderId="24" xfId="0" applyFont="1" applyBorder="1" applyAlignment="1">
      <alignment horizontal="center" vertical="center" wrapText="1"/>
    </xf>
    <xf numFmtId="0" fontId="10" fillId="0" borderId="25" xfId="0" applyFont="1" applyBorder="1" applyAlignment="1">
      <alignment horizontal="center" vertical="center" wrapText="1"/>
    </xf>
    <xf numFmtId="0" fontId="2" fillId="0" borderId="18" xfId="0" applyFont="1" applyBorder="1" applyAlignment="1">
      <alignment horizontal="left" vertical="center"/>
    </xf>
    <xf numFmtId="0" fontId="2" fillId="0" borderId="15" xfId="0" applyFont="1" applyBorder="1" applyAlignment="1">
      <alignment horizontal="left" vertical="center"/>
    </xf>
    <xf numFmtId="0" fontId="10" fillId="0" borderId="15" xfId="0" applyFont="1" applyBorder="1" applyAlignment="1">
      <alignment horizontal="left" vertical="center"/>
    </xf>
    <xf numFmtId="0" fontId="10" fillId="0" borderId="14" xfId="0" applyFont="1" applyBorder="1" applyAlignment="1">
      <alignment horizontal="left" vertical="center"/>
    </xf>
    <xf numFmtId="0" fontId="10" fillId="0" borderId="13" xfId="0" applyFont="1" applyBorder="1" applyAlignment="1">
      <alignment horizontal="left" vertical="center"/>
    </xf>
    <xf numFmtId="0" fontId="2" fillId="0" borderId="0" xfId="0" applyFont="1" applyAlignment="1">
      <alignment horizontal="center" vertical="center"/>
    </xf>
    <xf numFmtId="0" fontId="2" fillId="0" borderId="14"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2" fillId="0" borderId="11" xfId="0" applyFont="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9" xfId="0" applyFont="1" applyBorder="1" applyAlignment="1">
      <alignment horizontal="left" vertical="center" wrapText="1"/>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5"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5" fillId="0" borderId="11" xfId="0" applyFont="1" applyBorder="1" applyAlignment="1">
      <alignment vertical="center" wrapText="1"/>
    </xf>
    <xf numFmtId="0" fontId="5" fillId="0" borderId="7" xfId="0" applyFont="1" applyBorder="1" applyAlignment="1">
      <alignment vertical="center" wrapText="1"/>
    </xf>
    <xf numFmtId="0" fontId="5" fillId="0" borderId="6" xfId="0" applyFont="1" applyBorder="1" applyAlignment="1">
      <alignment vertical="center" wrapText="1"/>
    </xf>
    <xf numFmtId="0" fontId="5" fillId="0" borderId="9" xfId="0" applyFont="1" applyBorder="1" applyAlignment="1">
      <alignment horizontal="left" vertical="center" wrapText="1"/>
    </xf>
    <xf numFmtId="0" fontId="5" fillId="0" borderId="0" xfId="0" applyFont="1" applyAlignment="1">
      <alignment horizontal="left" vertical="center" wrapText="1"/>
    </xf>
    <xf numFmtId="0" fontId="5" fillId="0" borderId="1" xfId="0" applyFont="1" applyBorder="1" applyAlignment="1">
      <alignment horizontal="left" vertical="center" wrapText="1"/>
    </xf>
    <xf numFmtId="0" fontId="5" fillId="0" borderId="5" xfId="0" applyFont="1" applyBorder="1" applyAlignment="1">
      <alignment vertical="center" wrapText="1"/>
    </xf>
    <xf numFmtId="0" fontId="5" fillId="0" borderId="3" xfId="0" applyFont="1" applyBorder="1" applyAlignment="1">
      <alignment vertical="center" wrapText="1"/>
    </xf>
    <xf numFmtId="0" fontId="5" fillId="0" borderId="2" xfId="0" applyFont="1" applyBorder="1" applyAlignment="1">
      <alignment vertical="center" wrapText="1"/>
    </xf>
    <xf numFmtId="0" fontId="2" fillId="0" borderId="11" xfId="0" applyFont="1" applyBorder="1" applyAlignment="1">
      <alignment horizontal="center" vertical="center" wrapText="1"/>
    </xf>
    <xf numFmtId="0" fontId="2" fillId="0" borderId="7" xfId="0" applyFont="1" applyBorder="1" applyAlignment="1">
      <alignment horizontal="center" vertical="center" wrapText="1"/>
    </xf>
    <xf numFmtId="0" fontId="2" fillId="0" borderId="6" xfId="0" applyFont="1" applyBorder="1" applyAlignment="1">
      <alignment horizontal="center" vertical="center" wrapText="1"/>
    </xf>
    <xf numFmtId="0" fontId="2" fillId="0" borderId="9" xfId="0" applyFont="1" applyBorder="1" applyAlignment="1">
      <alignment horizontal="center"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2" fillId="0" borderId="5" xfId="0" applyFont="1" applyBorder="1" applyAlignment="1">
      <alignment horizontal="center" vertical="center" wrapText="1"/>
    </xf>
    <xf numFmtId="0" fontId="2" fillId="0" borderId="3" xfId="0" applyFont="1" applyBorder="1" applyAlignment="1">
      <alignment horizontal="center" vertical="center" wrapText="1"/>
    </xf>
    <xf numFmtId="0" fontId="2" fillId="0" borderId="2" xfId="0" applyFont="1" applyBorder="1" applyAlignment="1">
      <alignment horizontal="center" vertical="center" wrapText="1"/>
    </xf>
    <xf numFmtId="0" fontId="10" fillId="0" borderId="15" xfId="0" applyFont="1" applyBorder="1" applyAlignment="1">
      <alignment vertical="center" wrapText="1"/>
    </xf>
    <xf numFmtId="0" fontId="10" fillId="0" borderId="14" xfId="0" applyFont="1" applyBorder="1" applyAlignment="1">
      <alignment vertical="center" wrapText="1"/>
    </xf>
    <xf numFmtId="0" fontId="10" fillId="0" borderId="13" xfId="0" applyFont="1" applyBorder="1" applyAlignment="1">
      <alignment vertical="center" wrapText="1"/>
    </xf>
    <xf numFmtId="0" fontId="2" fillId="0" borderId="18" xfId="0" applyFont="1" applyBorder="1" applyAlignment="1">
      <alignment horizontal="center" vertical="center"/>
    </xf>
    <xf numFmtId="0" fontId="2" fillId="0" borderId="15" xfId="0" applyFont="1" applyBorder="1" applyAlignment="1">
      <alignment horizontal="center" vertical="center"/>
    </xf>
    <xf numFmtId="0" fontId="9" fillId="0" borderId="7" xfId="0" applyFont="1" applyBorder="1" applyAlignment="1">
      <alignment horizontal="left" vertical="center" wrapText="1"/>
    </xf>
    <xf numFmtId="0" fontId="10" fillId="0" borderId="18" xfId="0" applyFont="1" applyBorder="1" applyAlignment="1">
      <alignment vertical="center" wrapText="1"/>
    </xf>
    <xf numFmtId="0" fontId="10" fillId="0" borderId="15" xfId="0" applyFont="1" applyBorder="1" applyAlignment="1">
      <alignment horizontal="left" vertical="center" wrapText="1"/>
    </xf>
    <xf numFmtId="0" fontId="10" fillId="0" borderId="14" xfId="0" applyFont="1" applyBorder="1" applyAlignment="1">
      <alignment horizontal="left" vertical="center" wrapText="1"/>
    </xf>
    <xf numFmtId="0" fontId="2" fillId="0" borderId="14" xfId="0" applyFont="1" applyBorder="1" applyAlignment="1">
      <alignment horizontal="center" vertical="center"/>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8" fillId="0" borderId="0" xfId="0" applyFont="1" applyAlignment="1">
      <alignment horizontal="center" vertical="top" wrapText="1"/>
    </xf>
    <xf numFmtId="0" fontId="8" fillId="0" borderId="0" xfId="0" applyFont="1" applyAlignment="1">
      <alignment horizontal="center" vertical="top"/>
    </xf>
    <xf numFmtId="0" fontId="8" fillId="0" borderId="0" xfId="0" applyFont="1" applyAlignment="1">
      <alignment vertical="top" wrapText="1"/>
    </xf>
    <xf numFmtId="0" fontId="10" fillId="0" borderId="5" xfId="0" applyFont="1" applyBorder="1" applyAlignment="1">
      <alignment horizontal="left" vertical="center" wrapText="1"/>
    </xf>
    <xf numFmtId="0" fontId="10" fillId="0" borderId="3" xfId="0" applyFont="1" applyBorder="1" applyAlignment="1">
      <alignment horizontal="left" vertical="center" wrapText="1"/>
    </xf>
    <xf numFmtId="0" fontId="2" fillId="0" borderId="4" xfId="0" applyFont="1" applyBorder="1" applyAlignment="1">
      <alignment horizontal="center" vertical="center"/>
    </xf>
    <xf numFmtId="0" fontId="2" fillId="0" borderId="0" xfId="5" applyFont="1" applyAlignment="1">
      <alignment horizontal="center" vertical="center"/>
    </xf>
    <xf numFmtId="0" fontId="2" fillId="0" borderId="18" xfId="5" applyFont="1" applyBorder="1" applyAlignment="1">
      <alignment horizontal="center" vertical="center"/>
    </xf>
    <xf numFmtId="0" fontId="2" fillId="0" borderId="15" xfId="5" applyFont="1" applyBorder="1" applyAlignment="1">
      <alignment horizontal="left" vertical="center"/>
    </xf>
    <xf numFmtId="0" fontId="2" fillId="0" borderId="14" xfId="5" applyFont="1" applyBorder="1" applyAlignment="1">
      <alignment horizontal="left" vertical="center"/>
    </xf>
    <xf numFmtId="0" fontId="2" fillId="0" borderId="13" xfId="5" applyFont="1" applyBorder="1" applyAlignment="1">
      <alignment horizontal="left" vertical="center"/>
    </xf>
    <xf numFmtId="0" fontId="2" fillId="0" borderId="11" xfId="5" applyFont="1" applyBorder="1" applyAlignment="1">
      <alignment horizontal="center" vertical="center"/>
    </xf>
    <xf numFmtId="0" fontId="2" fillId="0" borderId="7" xfId="5" applyFont="1" applyBorder="1" applyAlignment="1">
      <alignment horizontal="center" vertical="center"/>
    </xf>
    <xf numFmtId="0" fontId="2" fillId="0" borderId="6" xfId="5" applyFont="1" applyBorder="1" applyAlignment="1">
      <alignment horizontal="center" vertical="center"/>
    </xf>
    <xf numFmtId="0" fontId="2" fillId="0" borderId="9" xfId="5" applyFont="1" applyBorder="1" applyAlignment="1">
      <alignment horizontal="center" vertical="center"/>
    </xf>
    <xf numFmtId="0" fontId="2" fillId="0" borderId="1" xfId="5" applyFont="1" applyBorder="1" applyAlignment="1">
      <alignment horizontal="center" vertical="center"/>
    </xf>
    <xf numFmtId="0" fontId="2" fillId="0" borderId="5" xfId="5" applyFont="1" applyBorder="1" applyAlignment="1">
      <alignment horizontal="center" vertical="center"/>
    </xf>
    <xf numFmtId="0" fontId="2" fillId="0" borderId="3" xfId="5" applyFont="1" applyBorder="1" applyAlignment="1">
      <alignment horizontal="center" vertical="center"/>
    </xf>
    <xf numFmtId="0" fontId="2" fillId="0" borderId="2" xfId="5" applyFont="1" applyBorder="1" applyAlignment="1">
      <alignment horizontal="center" vertical="center"/>
    </xf>
    <xf numFmtId="0" fontId="2" fillId="0" borderId="14" xfId="5" applyFont="1" applyBorder="1" applyAlignment="1">
      <alignment horizontal="center" vertical="center"/>
    </xf>
    <xf numFmtId="0" fontId="2" fillId="0" borderId="13" xfId="5" applyFont="1" applyBorder="1" applyAlignment="1">
      <alignment horizontal="center" vertical="center"/>
    </xf>
    <xf numFmtId="0" fontId="2" fillId="0" borderId="15" xfId="5" applyFont="1" applyBorder="1" applyAlignment="1">
      <alignment horizontal="center" vertical="center"/>
    </xf>
    <xf numFmtId="0" fontId="2" fillId="0" borderId="15" xfId="5" applyFont="1" applyBorder="1" applyAlignment="1">
      <alignment horizontal="left" vertical="top"/>
    </xf>
    <xf numFmtId="0" fontId="2" fillId="0" borderId="14" xfId="5" applyFont="1" applyBorder="1" applyAlignment="1">
      <alignment horizontal="left" vertical="top"/>
    </xf>
    <xf numFmtId="0" fontId="2" fillId="0" borderId="13" xfId="5" applyFont="1" applyBorder="1" applyAlignment="1">
      <alignment horizontal="left" vertical="top"/>
    </xf>
    <xf numFmtId="0" fontId="2" fillId="0" borderId="11" xfId="5" applyFont="1" applyBorder="1" applyAlignment="1">
      <alignment horizontal="left" vertical="center" wrapText="1"/>
    </xf>
    <xf numFmtId="0" fontId="2" fillId="0" borderId="7" xfId="5" applyFont="1" applyBorder="1" applyAlignment="1">
      <alignment horizontal="left" vertical="center"/>
    </xf>
    <xf numFmtId="0" fontId="2" fillId="0" borderId="6" xfId="5" applyFont="1" applyBorder="1" applyAlignment="1">
      <alignment horizontal="left" vertical="center"/>
    </xf>
    <xf numFmtId="0" fontId="2" fillId="0" borderId="5" xfId="5" applyFont="1" applyBorder="1" applyAlignment="1">
      <alignment horizontal="left" vertical="center"/>
    </xf>
    <xf numFmtId="0" fontId="2" fillId="0" borderId="3" xfId="5" applyFont="1" applyBorder="1" applyAlignment="1">
      <alignment horizontal="left" vertical="center"/>
    </xf>
    <xf numFmtId="0" fontId="2" fillId="0" borderId="2" xfId="5" applyFont="1" applyBorder="1" applyAlignment="1">
      <alignment horizontal="left" vertical="center"/>
    </xf>
    <xf numFmtId="0" fontId="2" fillId="0" borderId="15" xfId="5" applyFont="1" applyBorder="1" applyAlignment="1">
      <alignment horizontal="left" vertical="center" wrapText="1"/>
    </xf>
    <xf numFmtId="0" fontId="2" fillId="0" borderId="14" xfId="5" applyFont="1" applyBorder="1" applyAlignment="1">
      <alignment horizontal="left" vertical="center" wrapText="1"/>
    </xf>
    <xf numFmtId="0" fontId="2" fillId="0" borderId="13" xfId="5" applyFont="1" applyBorder="1" applyAlignment="1">
      <alignment horizontal="left" vertical="center" wrapText="1"/>
    </xf>
    <xf numFmtId="0" fontId="5" fillId="0" borderId="0" xfId="5" applyFont="1" applyAlignment="1">
      <alignment horizontal="center" vertical="center"/>
    </xf>
    <xf numFmtId="0" fontId="2" fillId="0" borderId="13" xfId="0" applyFont="1" applyBorder="1" applyAlignment="1">
      <alignment horizontal="center" vertical="center"/>
    </xf>
    <xf numFmtId="0" fontId="2" fillId="0" borderId="13" xfId="0" applyFont="1" applyBorder="1" applyAlignment="1">
      <alignment horizontal="left"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5" fillId="0" borderId="0" xfId="0" applyFont="1" applyAlignment="1">
      <alignment horizontal="center" vertical="center"/>
    </xf>
    <xf numFmtId="0" fontId="5" fillId="0" borderId="18" xfId="0" applyFont="1" applyBorder="1" applyAlignment="1">
      <alignment horizontal="left" vertical="center" shrinkToFit="1"/>
    </xf>
    <xf numFmtId="0" fontId="8" fillId="0" borderId="18" xfId="0" applyFont="1" applyBorder="1" applyAlignment="1">
      <alignment horizontal="left" vertical="center" shrinkToFit="1"/>
    </xf>
    <xf numFmtId="0" fontId="2" fillId="0" borderId="0" xfId="0" applyFont="1" applyAlignment="1">
      <alignment horizontal="left" vertical="center" shrinkToFit="1"/>
    </xf>
    <xf numFmtId="0" fontId="2" fillId="0" borderId="0" xfId="0" applyFont="1" applyAlignment="1">
      <alignment horizontal="left" vertical="center"/>
    </xf>
    <xf numFmtId="0" fontId="2" fillId="0" borderId="14" xfId="0" applyFont="1" applyBorder="1" applyAlignment="1">
      <alignment vertical="center"/>
    </xf>
    <xf numFmtId="0" fontId="2" fillId="0" borderId="13" xfId="0" applyFont="1" applyBorder="1" applyAlignment="1">
      <alignment vertical="center"/>
    </xf>
    <xf numFmtId="0" fontId="2" fillId="0" borderId="15" xfId="0" applyFont="1" applyBorder="1" applyAlignment="1">
      <alignment vertical="center"/>
    </xf>
    <xf numFmtId="0" fontId="2" fillId="0" borderId="15" xfId="0" applyFont="1" applyBorder="1" applyAlignment="1">
      <alignment horizontal="right" vertical="center"/>
    </xf>
    <xf numFmtId="0" fontId="2" fillId="0" borderId="14" xfId="0" applyFont="1" applyBorder="1" applyAlignment="1">
      <alignment horizontal="right" vertical="center"/>
    </xf>
    <xf numFmtId="0" fontId="2" fillId="0" borderId="13" xfId="0" applyFont="1" applyBorder="1" applyAlignment="1">
      <alignment horizontal="right" vertical="center"/>
    </xf>
    <xf numFmtId="0" fontId="8" fillId="0" borderId="0" xfId="0" applyFont="1" applyAlignment="1">
      <alignment horizontal="left" vertical="center" shrinkToFit="1"/>
    </xf>
    <xf numFmtId="0" fontId="2" fillId="0" borderId="0" xfId="3" applyFont="1" applyFill="1" applyAlignment="1">
      <alignment horizontal="center" vertical="center" wrapText="1"/>
    </xf>
    <xf numFmtId="0" fontId="2" fillId="0" borderId="18" xfId="3" applyFont="1" applyFill="1" applyBorder="1" applyAlignment="1">
      <alignment horizontal="center" vertical="center"/>
    </xf>
    <xf numFmtId="0" fontId="2" fillId="0" borderId="15" xfId="3" applyFont="1" applyFill="1" applyBorder="1" applyAlignment="1">
      <alignment horizontal="center" vertical="center"/>
    </xf>
    <xf numFmtId="0" fontId="2" fillId="0" borderId="14" xfId="3" applyFont="1" applyFill="1" applyBorder="1" applyAlignment="1">
      <alignment horizontal="center" vertical="center"/>
    </xf>
    <xf numFmtId="0" fontId="2" fillId="0" borderId="13" xfId="3" applyFont="1" applyFill="1" applyBorder="1" applyAlignment="1">
      <alignment horizontal="center" vertical="center"/>
    </xf>
    <xf numFmtId="0" fontId="2" fillId="0" borderId="18" xfId="3" applyFont="1" applyFill="1" applyBorder="1" applyAlignment="1">
      <alignment horizontal="center" vertical="center" shrinkToFit="1"/>
    </xf>
    <xf numFmtId="0" fontId="2" fillId="0" borderId="3" xfId="3" applyFont="1" applyFill="1" applyBorder="1" applyAlignment="1">
      <alignment horizontal="left" vertical="center" shrinkToFit="1"/>
    </xf>
    <xf numFmtId="0" fontId="2" fillId="0" borderId="11" xfId="3" applyFont="1" applyFill="1" applyBorder="1" applyAlignment="1">
      <alignment horizontal="left" vertical="center"/>
    </xf>
    <xf numFmtId="0" fontId="2" fillId="0" borderId="7" xfId="3" applyFont="1" applyFill="1" applyBorder="1" applyAlignment="1">
      <alignment horizontal="left" vertical="center"/>
    </xf>
    <xf numFmtId="0" fontId="2" fillId="0" borderId="6" xfId="3" applyFont="1" applyFill="1" applyBorder="1" applyAlignment="1">
      <alignment horizontal="left" vertical="center"/>
    </xf>
    <xf numFmtId="0" fontId="2" fillId="0" borderId="5" xfId="3" applyFont="1" applyFill="1" applyBorder="1" applyAlignment="1">
      <alignment horizontal="left" vertical="center"/>
    </xf>
    <xf numFmtId="0" fontId="2" fillId="0" borderId="3" xfId="3" applyFont="1" applyFill="1" applyBorder="1" applyAlignment="1">
      <alignment horizontal="left" vertical="center"/>
    </xf>
    <xf numFmtId="0" fontId="2" fillId="0" borderId="2" xfId="3" applyFont="1" applyFill="1" applyBorder="1" applyAlignment="1">
      <alignment horizontal="left" vertical="center"/>
    </xf>
    <xf numFmtId="0" fontId="5" fillId="0" borderId="15" xfId="3" applyFont="1" applyFill="1" applyBorder="1" applyAlignment="1">
      <alignment horizontal="center" vertical="center"/>
    </xf>
    <xf numFmtId="0" fontId="5" fillId="0" borderId="14" xfId="3" applyFont="1" applyFill="1" applyBorder="1" applyAlignment="1">
      <alignment horizontal="center" vertical="center"/>
    </xf>
    <xf numFmtId="0" fontId="5" fillId="0" borderId="13" xfId="3" applyFont="1" applyFill="1" applyBorder="1" applyAlignment="1">
      <alignment horizontal="center" vertical="center"/>
    </xf>
    <xf numFmtId="0" fontId="9" fillId="0" borderId="15" xfId="3" applyFont="1" applyFill="1" applyBorder="1" applyAlignment="1">
      <alignment horizontal="center" vertical="center"/>
    </xf>
    <xf numFmtId="0" fontId="9" fillId="0" borderId="14" xfId="3" applyFont="1" applyFill="1" applyBorder="1" applyAlignment="1">
      <alignment horizontal="center" vertical="center"/>
    </xf>
    <xf numFmtId="0" fontId="9" fillId="0" borderId="13" xfId="3" applyFont="1" applyFill="1" applyBorder="1" applyAlignment="1">
      <alignment horizontal="center" vertical="center"/>
    </xf>
    <xf numFmtId="0" fontId="2" fillId="0" borderId="0" xfId="3" applyFont="1" applyFill="1" applyAlignment="1">
      <alignment horizontal="left" vertical="center" shrinkToFit="1"/>
    </xf>
    <xf numFmtId="0" fontId="2" fillId="0" borderId="15" xfId="3" applyFont="1" applyFill="1" applyBorder="1" applyAlignment="1">
      <alignment horizontal="center" vertical="center" wrapText="1"/>
    </xf>
    <xf numFmtId="0" fontId="2" fillId="0" borderId="14" xfId="3" applyFont="1" applyFill="1" applyBorder="1" applyAlignment="1">
      <alignment horizontal="center" vertical="center" wrapText="1"/>
    </xf>
    <xf numFmtId="0" fontId="2" fillId="0" borderId="13" xfId="3" applyFont="1" applyFill="1" applyBorder="1" applyAlignment="1">
      <alignment horizontal="center" vertical="center" wrapText="1"/>
    </xf>
    <xf numFmtId="0" fontId="8" fillId="0" borderId="15" xfId="3" applyFont="1" applyFill="1" applyBorder="1" applyAlignment="1">
      <alignment horizontal="right" vertical="center"/>
    </xf>
    <xf numFmtId="0" fontId="8" fillId="0" borderId="14" xfId="3" applyFont="1" applyFill="1" applyBorder="1" applyAlignment="1">
      <alignment horizontal="right" vertical="center"/>
    </xf>
    <xf numFmtId="0" fontId="8" fillId="0" borderId="13" xfId="3" applyFont="1" applyFill="1" applyBorder="1" applyAlignment="1">
      <alignment horizontal="right" vertical="center"/>
    </xf>
    <xf numFmtId="49" fontId="2" fillId="0" borderId="18" xfId="3" applyNumberFormat="1" applyFont="1" applyFill="1" applyBorder="1" applyAlignment="1">
      <alignment horizontal="center" vertical="center"/>
    </xf>
    <xf numFmtId="0" fontId="5" fillId="0" borderId="15" xfId="3" applyFont="1" applyFill="1" applyBorder="1" applyAlignment="1">
      <alignment horizontal="center" vertical="center" wrapText="1"/>
    </xf>
    <xf numFmtId="0" fontId="5" fillId="0" borderId="14" xfId="3" applyFont="1" applyFill="1" applyBorder="1" applyAlignment="1">
      <alignment horizontal="center" vertical="center" wrapText="1"/>
    </xf>
    <xf numFmtId="0" fontId="5" fillId="0" borderId="13" xfId="3" applyFont="1" applyFill="1" applyBorder="1" applyAlignment="1">
      <alignment horizontal="center" vertical="center" wrapText="1"/>
    </xf>
    <xf numFmtId="0" fontId="8" fillId="0" borderId="0" xfId="3" applyFont="1" applyFill="1" applyAlignment="1">
      <alignment vertical="center" wrapText="1"/>
    </xf>
    <xf numFmtId="0" fontId="2" fillId="0" borderId="0" xfId="0" applyFont="1" applyAlignment="1">
      <alignment horizontal="left" vertical="top" wrapText="1"/>
    </xf>
    <xf numFmtId="0" fontId="2" fillId="0" borderId="1" xfId="0" applyFont="1" applyBorder="1" applyAlignment="1">
      <alignment horizontal="left" vertical="top" wrapText="1"/>
    </xf>
    <xf numFmtId="0" fontId="2" fillId="0" borderId="0" xfId="0" applyFont="1" applyAlignment="1">
      <alignment horizontal="center"/>
    </xf>
    <xf numFmtId="0" fontId="2" fillId="0" borderId="15" xfId="0" applyFont="1" applyBorder="1" applyAlignment="1">
      <alignment horizontal="left"/>
    </xf>
    <xf numFmtId="0" fontId="2" fillId="0" borderId="14" xfId="0" applyFont="1" applyBorder="1" applyAlignment="1">
      <alignment horizontal="left"/>
    </xf>
    <xf numFmtId="0" fontId="2" fillId="0" borderId="13" xfId="0" applyFont="1" applyBorder="1" applyAlignment="1">
      <alignment horizontal="left"/>
    </xf>
    <xf numFmtId="0" fontId="2" fillId="0" borderId="7" xfId="0" applyFont="1" applyBorder="1" applyAlignment="1">
      <alignment vertical="center"/>
    </xf>
    <xf numFmtId="0" fontId="2" fillId="0" borderId="6" xfId="0" applyFont="1" applyBorder="1" applyAlignment="1">
      <alignment vertical="center"/>
    </xf>
    <xf numFmtId="0" fontId="2" fillId="0" borderId="3" xfId="0" applyFont="1" applyBorder="1" applyAlignment="1">
      <alignment vertical="center"/>
    </xf>
    <xf numFmtId="0" fontId="2" fillId="0" borderId="2" xfId="0" applyFont="1" applyBorder="1" applyAlignment="1">
      <alignment vertical="center"/>
    </xf>
    <xf numFmtId="0" fontId="8" fillId="0" borderId="14" xfId="0" applyFont="1" applyBorder="1" applyAlignment="1">
      <alignment vertical="center" wrapText="1"/>
    </xf>
    <xf numFmtId="0" fontId="8" fillId="0" borderId="13" xfId="0" applyFont="1" applyBorder="1" applyAlignment="1">
      <alignment vertical="center" wrapText="1"/>
    </xf>
    <xf numFmtId="0" fontId="2" fillId="0" borderId="1" xfId="0" applyFont="1" applyBorder="1" applyAlignment="1">
      <alignment horizontal="left" vertical="center"/>
    </xf>
    <xf numFmtId="0" fontId="8" fillId="0" borderId="14" xfId="0" applyFont="1" applyBorder="1" applyAlignment="1">
      <alignment horizontal="left" vertical="center" wrapText="1"/>
    </xf>
    <xf numFmtId="0" fontId="8" fillId="0" borderId="13" xfId="0" applyFont="1" applyBorder="1" applyAlignment="1">
      <alignment horizontal="left" vertical="center" wrapText="1"/>
    </xf>
    <xf numFmtId="0" fontId="8" fillId="0" borderId="7" xfId="0" applyFont="1" applyBorder="1" applyAlignment="1">
      <alignment horizontal="center" vertical="center" wrapText="1"/>
    </xf>
    <xf numFmtId="0" fontId="8" fillId="0" borderId="6" xfId="0" applyFont="1" applyBorder="1" applyAlignment="1">
      <alignment horizontal="center" vertical="center" wrapText="1"/>
    </xf>
    <xf numFmtId="0" fontId="8" fillId="0" borderId="0" xfId="0" applyFont="1" applyAlignment="1">
      <alignment horizontal="center" vertical="center" wrapText="1"/>
    </xf>
    <xf numFmtId="0" fontId="8" fillId="0" borderId="1" xfId="0" applyFont="1" applyBorder="1" applyAlignment="1">
      <alignment horizontal="center" vertical="center" wrapText="1"/>
    </xf>
    <xf numFmtId="0" fontId="8" fillId="0" borderId="3"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8" fillId="0" borderId="7" xfId="0" applyFont="1" applyBorder="1" applyAlignment="1">
      <alignment horizontal="left" vertical="center" wrapText="1"/>
    </xf>
    <xf numFmtId="0" fontId="8" fillId="0" borderId="0" xfId="0" applyFont="1" applyAlignment="1">
      <alignment horizontal="left" vertical="center" wrapText="1"/>
    </xf>
    <xf numFmtId="0" fontId="4" fillId="0" borderId="0" xfId="0" applyFont="1" applyAlignment="1">
      <alignment horizontal="center" vertical="center" wrapText="1"/>
    </xf>
    <xf numFmtId="0" fontId="9" fillId="0" borderId="18" xfId="0" applyFont="1" applyBorder="1" applyAlignment="1">
      <alignment horizontal="center" vertical="center"/>
    </xf>
    <xf numFmtId="0" fontId="2" fillId="0" borderId="7" xfId="0" applyFont="1" applyBorder="1" applyAlignment="1">
      <alignment horizontal="left" vertical="top" wrapText="1"/>
    </xf>
    <xf numFmtId="0" fontId="2" fillId="0" borderId="14"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4" xfId="0" applyFont="1" applyBorder="1" applyAlignment="1">
      <alignment horizontal="left" vertical="center" wrapText="1"/>
    </xf>
    <xf numFmtId="0" fontId="2" fillId="0" borderId="13" xfId="0" applyFont="1" applyBorder="1" applyAlignment="1">
      <alignment horizontal="left" vertical="center" wrapText="1"/>
    </xf>
    <xf numFmtId="0" fontId="2" fillId="0" borderId="15" xfId="0" applyFont="1" applyBorder="1" applyAlignment="1">
      <alignment horizontal="left" vertical="center" wrapText="1"/>
    </xf>
    <xf numFmtId="0" fontId="15" fillId="0" borderId="11" xfId="0" applyFont="1" applyBorder="1" applyAlignment="1">
      <alignment horizontal="left" vertical="center" wrapText="1"/>
    </xf>
    <xf numFmtId="0" fontId="15" fillId="0" borderId="7" xfId="0" applyFont="1" applyBorder="1" applyAlignment="1">
      <alignment horizontal="left" vertical="center" wrapText="1"/>
    </xf>
    <xf numFmtId="0" fontId="15" fillId="0" borderId="6" xfId="0" applyFont="1" applyBorder="1" applyAlignment="1">
      <alignment horizontal="left" vertical="center" wrapText="1"/>
    </xf>
    <xf numFmtId="0" fontId="15" fillId="0" borderId="9" xfId="0" applyFont="1" applyBorder="1" applyAlignment="1">
      <alignment horizontal="left" vertical="center"/>
    </xf>
    <xf numFmtId="0" fontId="15" fillId="0" borderId="0" xfId="0" applyFont="1" applyAlignment="1">
      <alignment horizontal="left" vertical="center"/>
    </xf>
    <xf numFmtId="0" fontId="15" fillId="0" borderId="1" xfId="0" applyFont="1" applyBorder="1" applyAlignment="1">
      <alignment horizontal="left" vertical="center"/>
    </xf>
    <xf numFmtId="0" fontId="2" fillId="0" borderId="8" xfId="0" applyFont="1" applyBorder="1" applyAlignment="1">
      <alignment horizontal="center" vertical="center"/>
    </xf>
    <xf numFmtId="0" fontId="5" fillId="0" borderId="15" xfId="0" applyFont="1" applyBorder="1" applyAlignment="1">
      <alignment horizontal="left" vertical="center" wrapText="1"/>
    </xf>
    <xf numFmtId="0" fontId="5" fillId="0" borderId="14" xfId="0" applyFont="1" applyBorder="1" applyAlignment="1">
      <alignment horizontal="left" vertical="center" wrapText="1"/>
    </xf>
    <xf numFmtId="0" fontId="5" fillId="0" borderId="13" xfId="0" applyFont="1" applyBorder="1" applyAlignment="1">
      <alignment horizontal="left" vertical="center" wrapText="1"/>
    </xf>
    <xf numFmtId="0" fontId="5" fillId="0" borderId="15" xfId="0" applyFont="1" applyBorder="1" applyAlignment="1">
      <alignment horizontal="left" vertical="center" wrapText="1" indent="1"/>
    </xf>
    <xf numFmtId="0" fontId="5" fillId="0" borderId="14" xfId="0" applyFont="1" applyBorder="1" applyAlignment="1">
      <alignment horizontal="left" vertical="center" wrapText="1" indent="1"/>
    </xf>
    <xf numFmtId="0" fontId="5" fillId="0" borderId="13" xfId="0" applyFont="1" applyBorder="1" applyAlignment="1">
      <alignment horizontal="left" vertical="center" wrapText="1" indent="1"/>
    </xf>
    <xf numFmtId="0" fontId="2" fillId="0" borderId="9" xfId="0" applyFont="1" applyBorder="1" applyAlignment="1">
      <alignment horizontal="left" vertical="center"/>
    </xf>
    <xf numFmtId="0" fontId="5" fillId="0" borderId="18" xfId="0" applyFont="1" applyBorder="1" applyAlignment="1">
      <alignment horizontal="left" vertical="center" wrapText="1" indent="1"/>
    </xf>
    <xf numFmtId="0" fontId="5" fillId="0" borderId="18" xfId="0" applyFont="1" applyBorder="1" applyAlignment="1">
      <alignment horizontal="left" vertical="center" indent="1"/>
    </xf>
    <xf numFmtId="0" fontId="5" fillId="0" borderId="5" xfId="0" applyFont="1" applyBorder="1" applyAlignment="1">
      <alignment horizontal="left" vertical="center" wrapText="1" indent="1"/>
    </xf>
    <xf numFmtId="0" fontId="5" fillId="0" borderId="3" xfId="0" applyFont="1" applyBorder="1" applyAlignment="1">
      <alignment horizontal="left" vertical="center" wrapText="1" indent="1"/>
    </xf>
    <xf numFmtId="0" fontId="5" fillId="0" borderId="2" xfId="0" applyFont="1" applyBorder="1" applyAlignment="1">
      <alignment horizontal="left" vertical="center" wrapText="1" indent="1"/>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2" xfId="0" applyFont="1" applyBorder="1" applyAlignment="1">
      <alignment horizontal="center" vertical="center"/>
    </xf>
  </cellXfs>
  <cellStyles count="6">
    <cellStyle name="標準" xfId="0" builtinId="0"/>
    <cellStyle name="標準 2" xfId="1"/>
    <cellStyle name="標準 3" xfId="2"/>
    <cellStyle name="標準 4" xfId="3"/>
    <cellStyle name="標準 5" xfId="4"/>
    <cellStyle name="標準 6"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C30"/>
  <sheetViews>
    <sheetView tabSelected="1" view="pageBreakPreview" zoomScaleNormal="100" zoomScaleSheetLayoutView="100" workbookViewId="0">
      <selection activeCell="B11" sqref="B11"/>
    </sheetView>
  </sheetViews>
  <sheetFormatPr defaultRowHeight="13.5" x14ac:dyDescent="0.15"/>
  <cols>
    <col min="1" max="1" width="29.75" style="20" customWidth="1"/>
    <col min="2" max="2" width="68.625" style="17" customWidth="1"/>
    <col min="3" max="3" width="16.625" style="17" customWidth="1"/>
    <col min="4" max="256" width="9" style="17"/>
    <col min="257" max="257" width="29.75" style="17" customWidth="1"/>
    <col min="258" max="258" width="68.625" style="17" customWidth="1"/>
    <col min="259" max="259" width="16.625" style="17" customWidth="1"/>
    <col min="260" max="512" width="9" style="17"/>
    <col min="513" max="513" width="29.75" style="17" customWidth="1"/>
    <col min="514" max="514" width="68.625" style="17" customWidth="1"/>
    <col min="515" max="515" width="16.625" style="17" customWidth="1"/>
    <col min="516" max="768" width="9" style="17"/>
    <col min="769" max="769" width="29.75" style="17" customWidth="1"/>
    <col min="770" max="770" width="68.625" style="17" customWidth="1"/>
    <col min="771" max="771" width="16.625" style="17" customWidth="1"/>
    <col min="772" max="1024" width="9" style="17"/>
    <col min="1025" max="1025" width="29.75" style="17" customWidth="1"/>
    <col min="1026" max="1026" width="68.625" style="17" customWidth="1"/>
    <col min="1027" max="1027" width="16.625" style="17" customWidth="1"/>
    <col min="1028" max="1280" width="9" style="17"/>
    <col min="1281" max="1281" width="29.75" style="17" customWidth="1"/>
    <col min="1282" max="1282" width="68.625" style="17" customWidth="1"/>
    <col min="1283" max="1283" width="16.625" style="17" customWidth="1"/>
    <col min="1284" max="1536" width="9" style="17"/>
    <col min="1537" max="1537" width="29.75" style="17" customWidth="1"/>
    <col min="1538" max="1538" width="68.625" style="17" customWidth="1"/>
    <col min="1539" max="1539" width="16.625" style="17" customWidth="1"/>
    <col min="1540" max="1792" width="9" style="17"/>
    <col min="1793" max="1793" width="29.75" style="17" customWidth="1"/>
    <col min="1794" max="1794" width="68.625" style="17" customWidth="1"/>
    <col min="1795" max="1795" width="16.625" style="17" customWidth="1"/>
    <col min="1796" max="2048" width="9" style="17"/>
    <col min="2049" max="2049" width="29.75" style="17" customWidth="1"/>
    <col min="2050" max="2050" width="68.625" style="17" customWidth="1"/>
    <col min="2051" max="2051" width="16.625" style="17" customWidth="1"/>
    <col min="2052" max="2304" width="9" style="17"/>
    <col min="2305" max="2305" width="29.75" style="17" customWidth="1"/>
    <col min="2306" max="2306" width="68.625" style="17" customWidth="1"/>
    <col min="2307" max="2307" width="16.625" style="17" customWidth="1"/>
    <col min="2308" max="2560" width="9" style="17"/>
    <col min="2561" max="2561" width="29.75" style="17" customWidth="1"/>
    <col min="2562" max="2562" width="68.625" style="17" customWidth="1"/>
    <col min="2563" max="2563" width="16.625" style="17" customWidth="1"/>
    <col min="2564" max="2816" width="9" style="17"/>
    <col min="2817" max="2817" width="29.75" style="17" customWidth="1"/>
    <col min="2818" max="2818" width="68.625" style="17" customWidth="1"/>
    <col min="2819" max="2819" width="16.625" style="17" customWidth="1"/>
    <col min="2820" max="3072" width="9" style="17"/>
    <col min="3073" max="3073" width="29.75" style="17" customWidth="1"/>
    <col min="3074" max="3074" width="68.625" style="17" customWidth="1"/>
    <col min="3075" max="3075" width="16.625" style="17" customWidth="1"/>
    <col min="3076" max="3328" width="9" style="17"/>
    <col min="3329" max="3329" width="29.75" style="17" customWidth="1"/>
    <col min="3330" max="3330" width="68.625" style="17" customWidth="1"/>
    <col min="3331" max="3331" width="16.625" style="17" customWidth="1"/>
    <col min="3332" max="3584" width="9" style="17"/>
    <col min="3585" max="3585" width="29.75" style="17" customWidth="1"/>
    <col min="3586" max="3586" width="68.625" style="17" customWidth="1"/>
    <col min="3587" max="3587" width="16.625" style="17" customWidth="1"/>
    <col min="3588" max="3840" width="9" style="17"/>
    <col min="3841" max="3841" width="29.75" style="17" customWidth="1"/>
    <col min="3842" max="3842" width="68.625" style="17" customWidth="1"/>
    <col min="3843" max="3843" width="16.625" style="17" customWidth="1"/>
    <col min="3844" max="4096" width="9" style="17"/>
    <col min="4097" max="4097" width="29.75" style="17" customWidth="1"/>
    <col min="4098" max="4098" width="68.625" style="17" customWidth="1"/>
    <col min="4099" max="4099" width="16.625" style="17" customWidth="1"/>
    <col min="4100" max="4352" width="9" style="17"/>
    <col min="4353" max="4353" width="29.75" style="17" customWidth="1"/>
    <col min="4354" max="4354" width="68.625" style="17" customWidth="1"/>
    <col min="4355" max="4355" width="16.625" style="17" customWidth="1"/>
    <col min="4356" max="4608" width="9" style="17"/>
    <col min="4609" max="4609" width="29.75" style="17" customWidth="1"/>
    <col min="4610" max="4610" width="68.625" style="17" customWidth="1"/>
    <col min="4611" max="4611" width="16.625" style="17" customWidth="1"/>
    <col min="4612" max="4864" width="9" style="17"/>
    <col min="4865" max="4865" width="29.75" style="17" customWidth="1"/>
    <col min="4866" max="4866" width="68.625" style="17" customWidth="1"/>
    <col min="4867" max="4867" width="16.625" style="17" customWidth="1"/>
    <col min="4868" max="5120" width="9" style="17"/>
    <col min="5121" max="5121" width="29.75" style="17" customWidth="1"/>
    <col min="5122" max="5122" width="68.625" style="17" customWidth="1"/>
    <col min="5123" max="5123" width="16.625" style="17" customWidth="1"/>
    <col min="5124" max="5376" width="9" style="17"/>
    <col min="5377" max="5377" width="29.75" style="17" customWidth="1"/>
    <col min="5378" max="5378" width="68.625" style="17" customWidth="1"/>
    <col min="5379" max="5379" width="16.625" style="17" customWidth="1"/>
    <col min="5380" max="5632" width="9" style="17"/>
    <col min="5633" max="5633" width="29.75" style="17" customWidth="1"/>
    <col min="5634" max="5634" width="68.625" style="17" customWidth="1"/>
    <col min="5635" max="5635" width="16.625" style="17" customWidth="1"/>
    <col min="5636" max="5888" width="9" style="17"/>
    <col min="5889" max="5889" width="29.75" style="17" customWidth="1"/>
    <col min="5890" max="5890" width="68.625" style="17" customWidth="1"/>
    <col min="5891" max="5891" width="16.625" style="17" customWidth="1"/>
    <col min="5892" max="6144" width="9" style="17"/>
    <col min="6145" max="6145" width="29.75" style="17" customWidth="1"/>
    <col min="6146" max="6146" width="68.625" style="17" customWidth="1"/>
    <col min="6147" max="6147" width="16.625" style="17" customWidth="1"/>
    <col min="6148" max="6400" width="9" style="17"/>
    <col min="6401" max="6401" width="29.75" style="17" customWidth="1"/>
    <col min="6402" max="6402" width="68.625" style="17" customWidth="1"/>
    <col min="6403" max="6403" width="16.625" style="17" customWidth="1"/>
    <col min="6404" max="6656" width="9" style="17"/>
    <col min="6657" max="6657" width="29.75" style="17" customWidth="1"/>
    <col min="6658" max="6658" width="68.625" style="17" customWidth="1"/>
    <col min="6659" max="6659" width="16.625" style="17" customWidth="1"/>
    <col min="6660" max="6912" width="9" style="17"/>
    <col min="6913" max="6913" width="29.75" style="17" customWidth="1"/>
    <col min="6914" max="6914" width="68.625" style="17" customWidth="1"/>
    <col min="6915" max="6915" width="16.625" style="17" customWidth="1"/>
    <col min="6916" max="7168" width="9" style="17"/>
    <col min="7169" max="7169" width="29.75" style="17" customWidth="1"/>
    <col min="7170" max="7170" width="68.625" style="17" customWidth="1"/>
    <col min="7171" max="7171" width="16.625" style="17" customWidth="1"/>
    <col min="7172" max="7424" width="9" style="17"/>
    <col min="7425" max="7425" width="29.75" style="17" customWidth="1"/>
    <col min="7426" max="7426" width="68.625" style="17" customWidth="1"/>
    <col min="7427" max="7427" width="16.625" style="17" customWidth="1"/>
    <col min="7428" max="7680" width="9" style="17"/>
    <col min="7681" max="7681" width="29.75" style="17" customWidth="1"/>
    <col min="7682" max="7682" width="68.625" style="17" customWidth="1"/>
    <col min="7683" max="7683" width="16.625" style="17" customWidth="1"/>
    <col min="7684" max="7936" width="9" style="17"/>
    <col min="7937" max="7937" width="29.75" style="17" customWidth="1"/>
    <col min="7938" max="7938" width="68.625" style="17" customWidth="1"/>
    <col min="7939" max="7939" width="16.625" style="17" customWidth="1"/>
    <col min="7940" max="8192" width="9" style="17"/>
    <col min="8193" max="8193" width="29.75" style="17" customWidth="1"/>
    <col min="8194" max="8194" width="68.625" style="17" customWidth="1"/>
    <col min="8195" max="8195" width="16.625" style="17" customWidth="1"/>
    <col min="8196" max="8448" width="9" style="17"/>
    <col min="8449" max="8449" width="29.75" style="17" customWidth="1"/>
    <col min="8450" max="8450" width="68.625" style="17" customWidth="1"/>
    <col min="8451" max="8451" width="16.625" style="17" customWidth="1"/>
    <col min="8452" max="8704" width="9" style="17"/>
    <col min="8705" max="8705" width="29.75" style="17" customWidth="1"/>
    <col min="8706" max="8706" width="68.625" style="17" customWidth="1"/>
    <col min="8707" max="8707" width="16.625" style="17" customWidth="1"/>
    <col min="8708" max="8960" width="9" style="17"/>
    <col min="8961" max="8961" width="29.75" style="17" customWidth="1"/>
    <col min="8962" max="8962" width="68.625" style="17" customWidth="1"/>
    <col min="8963" max="8963" width="16.625" style="17" customWidth="1"/>
    <col min="8964" max="9216" width="9" style="17"/>
    <col min="9217" max="9217" width="29.75" style="17" customWidth="1"/>
    <col min="9218" max="9218" width="68.625" style="17" customWidth="1"/>
    <col min="9219" max="9219" width="16.625" style="17" customWidth="1"/>
    <col min="9220" max="9472" width="9" style="17"/>
    <col min="9473" max="9473" width="29.75" style="17" customWidth="1"/>
    <col min="9474" max="9474" width="68.625" style="17" customWidth="1"/>
    <col min="9475" max="9475" width="16.625" style="17" customWidth="1"/>
    <col min="9476" max="9728" width="9" style="17"/>
    <col min="9729" max="9729" width="29.75" style="17" customWidth="1"/>
    <col min="9730" max="9730" width="68.625" style="17" customWidth="1"/>
    <col min="9731" max="9731" width="16.625" style="17" customWidth="1"/>
    <col min="9732" max="9984" width="9" style="17"/>
    <col min="9985" max="9985" width="29.75" style="17" customWidth="1"/>
    <col min="9986" max="9986" width="68.625" style="17" customWidth="1"/>
    <col min="9987" max="9987" width="16.625" style="17" customWidth="1"/>
    <col min="9988" max="10240" width="9" style="17"/>
    <col min="10241" max="10241" width="29.75" style="17" customWidth="1"/>
    <col min="10242" max="10242" width="68.625" style="17" customWidth="1"/>
    <col min="10243" max="10243" width="16.625" style="17" customWidth="1"/>
    <col min="10244" max="10496" width="9" style="17"/>
    <col min="10497" max="10497" width="29.75" style="17" customWidth="1"/>
    <col min="10498" max="10498" width="68.625" style="17" customWidth="1"/>
    <col min="10499" max="10499" width="16.625" style="17" customWidth="1"/>
    <col min="10500" max="10752" width="9" style="17"/>
    <col min="10753" max="10753" width="29.75" style="17" customWidth="1"/>
    <col min="10754" max="10754" width="68.625" style="17" customWidth="1"/>
    <col min="10755" max="10755" width="16.625" style="17" customWidth="1"/>
    <col min="10756" max="11008" width="9" style="17"/>
    <col min="11009" max="11009" width="29.75" style="17" customWidth="1"/>
    <col min="11010" max="11010" width="68.625" style="17" customWidth="1"/>
    <col min="11011" max="11011" width="16.625" style="17" customWidth="1"/>
    <col min="11012" max="11264" width="9" style="17"/>
    <col min="11265" max="11265" width="29.75" style="17" customWidth="1"/>
    <col min="11266" max="11266" width="68.625" style="17" customWidth="1"/>
    <col min="11267" max="11267" width="16.625" style="17" customWidth="1"/>
    <col min="11268" max="11520" width="9" style="17"/>
    <col min="11521" max="11521" width="29.75" style="17" customWidth="1"/>
    <col min="11522" max="11522" width="68.625" style="17" customWidth="1"/>
    <col min="11523" max="11523" width="16.625" style="17" customWidth="1"/>
    <col min="11524" max="11776" width="9" style="17"/>
    <col min="11777" max="11777" width="29.75" style="17" customWidth="1"/>
    <col min="11778" max="11778" width="68.625" style="17" customWidth="1"/>
    <col min="11779" max="11779" width="16.625" style="17" customWidth="1"/>
    <col min="11780" max="12032" width="9" style="17"/>
    <col min="12033" max="12033" width="29.75" style="17" customWidth="1"/>
    <col min="12034" max="12034" width="68.625" style="17" customWidth="1"/>
    <col min="12035" max="12035" width="16.625" style="17" customWidth="1"/>
    <col min="12036" max="12288" width="9" style="17"/>
    <col min="12289" max="12289" width="29.75" style="17" customWidth="1"/>
    <col min="12290" max="12290" width="68.625" style="17" customWidth="1"/>
    <col min="12291" max="12291" width="16.625" style="17" customWidth="1"/>
    <col min="12292" max="12544" width="9" style="17"/>
    <col min="12545" max="12545" width="29.75" style="17" customWidth="1"/>
    <col min="12546" max="12546" width="68.625" style="17" customWidth="1"/>
    <col min="12547" max="12547" width="16.625" style="17" customWidth="1"/>
    <col min="12548" max="12800" width="9" style="17"/>
    <col min="12801" max="12801" width="29.75" style="17" customWidth="1"/>
    <col min="12802" max="12802" width="68.625" style="17" customWidth="1"/>
    <col min="12803" max="12803" width="16.625" style="17" customWidth="1"/>
    <col min="12804" max="13056" width="9" style="17"/>
    <col min="13057" max="13057" width="29.75" style="17" customWidth="1"/>
    <col min="13058" max="13058" width="68.625" style="17" customWidth="1"/>
    <col min="13059" max="13059" width="16.625" style="17" customWidth="1"/>
    <col min="13060" max="13312" width="9" style="17"/>
    <col min="13313" max="13313" width="29.75" style="17" customWidth="1"/>
    <col min="13314" max="13314" width="68.625" style="17" customWidth="1"/>
    <col min="13315" max="13315" width="16.625" style="17" customWidth="1"/>
    <col min="13316" max="13568" width="9" style="17"/>
    <col min="13569" max="13569" width="29.75" style="17" customWidth="1"/>
    <col min="13570" max="13570" width="68.625" style="17" customWidth="1"/>
    <col min="13571" max="13571" width="16.625" style="17" customWidth="1"/>
    <col min="13572" max="13824" width="9" style="17"/>
    <col min="13825" max="13825" width="29.75" style="17" customWidth="1"/>
    <col min="13826" max="13826" width="68.625" style="17" customWidth="1"/>
    <col min="13827" max="13827" width="16.625" style="17" customWidth="1"/>
    <col min="13828" max="14080" width="9" style="17"/>
    <col min="14081" max="14081" width="29.75" style="17" customWidth="1"/>
    <col min="14082" max="14082" width="68.625" style="17" customWidth="1"/>
    <col min="14083" max="14083" width="16.625" style="17" customWidth="1"/>
    <col min="14084" max="14336" width="9" style="17"/>
    <col min="14337" max="14337" width="29.75" style="17" customWidth="1"/>
    <col min="14338" max="14338" width="68.625" style="17" customWidth="1"/>
    <col min="14339" max="14339" width="16.625" style="17" customWidth="1"/>
    <col min="14340" max="14592" width="9" style="17"/>
    <col min="14593" max="14593" width="29.75" style="17" customWidth="1"/>
    <col min="14594" max="14594" width="68.625" style="17" customWidth="1"/>
    <col min="14595" max="14595" width="16.625" style="17" customWidth="1"/>
    <col min="14596" max="14848" width="9" style="17"/>
    <col min="14849" max="14849" width="29.75" style="17" customWidth="1"/>
    <col min="14850" max="14850" width="68.625" style="17" customWidth="1"/>
    <col min="14851" max="14851" width="16.625" style="17" customWidth="1"/>
    <col min="14852" max="15104" width="9" style="17"/>
    <col min="15105" max="15105" width="29.75" style="17" customWidth="1"/>
    <col min="15106" max="15106" width="68.625" style="17" customWidth="1"/>
    <col min="15107" max="15107" width="16.625" style="17" customWidth="1"/>
    <col min="15108" max="15360" width="9" style="17"/>
    <col min="15361" max="15361" width="29.75" style="17" customWidth="1"/>
    <col min="15362" max="15362" width="68.625" style="17" customWidth="1"/>
    <col min="15363" max="15363" width="16.625" style="17" customWidth="1"/>
    <col min="15364" max="15616" width="9" style="17"/>
    <col min="15617" max="15617" width="29.75" style="17" customWidth="1"/>
    <col min="15618" max="15618" width="68.625" style="17" customWidth="1"/>
    <col min="15619" max="15619" width="16.625" style="17" customWidth="1"/>
    <col min="15620" max="15872" width="9" style="17"/>
    <col min="15873" max="15873" width="29.75" style="17" customWidth="1"/>
    <col min="15874" max="15874" width="68.625" style="17" customWidth="1"/>
    <col min="15875" max="15875" width="16.625" style="17" customWidth="1"/>
    <col min="15876" max="16128" width="9" style="17"/>
    <col min="16129" max="16129" width="29.75" style="17" customWidth="1"/>
    <col min="16130" max="16130" width="68.625" style="17" customWidth="1"/>
    <col min="16131" max="16131" width="16.625" style="17" customWidth="1"/>
    <col min="16132" max="16384" width="9" style="17"/>
  </cols>
  <sheetData>
    <row r="1" spans="1:3" ht="14.25" x14ac:dyDescent="0.15">
      <c r="A1" s="304" t="s">
        <v>352</v>
      </c>
      <c r="B1" s="304"/>
      <c r="C1" s="304"/>
    </row>
    <row r="2" spans="1:3" ht="54.6" customHeight="1" x14ac:dyDescent="0.15">
      <c r="A2" s="305" t="s">
        <v>92</v>
      </c>
      <c r="B2" s="305"/>
      <c r="C2" s="305"/>
    </row>
    <row r="3" spans="1:3" ht="22.5" customHeight="1" thickBot="1" x14ac:dyDescent="0.2">
      <c r="A3" s="21" t="s">
        <v>11</v>
      </c>
      <c r="B3" s="21" t="s">
        <v>12</v>
      </c>
      <c r="C3" s="21" t="s">
        <v>13</v>
      </c>
    </row>
    <row r="4" spans="1:3" ht="41.25" thickTop="1" x14ac:dyDescent="0.15">
      <c r="A4" s="22" t="s">
        <v>93</v>
      </c>
      <c r="B4" s="18" t="s">
        <v>94</v>
      </c>
      <c r="C4" s="18" t="s">
        <v>353</v>
      </c>
    </row>
    <row r="5" spans="1:3" ht="15" customHeight="1" x14ac:dyDescent="0.15">
      <c r="A5" s="23" t="s">
        <v>95</v>
      </c>
      <c r="B5" s="19" t="s">
        <v>96</v>
      </c>
      <c r="C5" s="19"/>
    </row>
    <row r="6" spans="1:3" ht="27" x14ac:dyDescent="0.15">
      <c r="A6" s="24" t="s">
        <v>97</v>
      </c>
      <c r="B6" s="19" t="s">
        <v>98</v>
      </c>
      <c r="C6" s="19"/>
    </row>
    <row r="7" spans="1:3" x14ac:dyDescent="0.15">
      <c r="A7" s="23" t="s">
        <v>14</v>
      </c>
      <c r="B7" s="19" t="s">
        <v>96</v>
      </c>
      <c r="C7" s="19"/>
    </row>
    <row r="8" spans="1:3" ht="35.25" customHeight="1" x14ac:dyDescent="0.15">
      <c r="A8" s="23" t="s">
        <v>99</v>
      </c>
      <c r="B8" s="19" t="s">
        <v>96</v>
      </c>
      <c r="C8" s="19"/>
    </row>
    <row r="9" spans="1:3" ht="35.25" customHeight="1" x14ac:dyDescent="0.15">
      <c r="A9" s="23" t="s">
        <v>354</v>
      </c>
      <c r="B9" s="19" t="s">
        <v>403</v>
      </c>
      <c r="C9" s="19"/>
    </row>
    <row r="10" spans="1:3" ht="35.25" customHeight="1" x14ac:dyDescent="0.15">
      <c r="A10" s="23" t="s">
        <v>402</v>
      </c>
      <c r="B10" s="19" t="s">
        <v>404</v>
      </c>
      <c r="C10" s="19"/>
    </row>
    <row r="11" spans="1:3" ht="67.5" customHeight="1" x14ac:dyDescent="0.15">
      <c r="A11" s="23" t="s">
        <v>224</v>
      </c>
      <c r="B11" s="19" t="s">
        <v>133</v>
      </c>
      <c r="C11" s="19"/>
    </row>
    <row r="12" spans="1:3" ht="27" customHeight="1" x14ac:dyDescent="0.15">
      <c r="A12" s="23" t="s">
        <v>100</v>
      </c>
      <c r="B12" s="88" t="s">
        <v>134</v>
      </c>
      <c r="C12" s="88"/>
    </row>
    <row r="13" spans="1:3" ht="75.75" customHeight="1" x14ac:dyDescent="0.15">
      <c r="A13" s="23" t="s">
        <v>406</v>
      </c>
      <c r="B13" s="88" t="s">
        <v>407</v>
      </c>
      <c r="C13" s="88"/>
    </row>
    <row r="14" spans="1:3" ht="45.75" customHeight="1" x14ac:dyDescent="0.15">
      <c r="A14" s="23" t="s">
        <v>405</v>
      </c>
      <c r="B14" s="88" t="s">
        <v>408</v>
      </c>
      <c r="C14" s="88"/>
    </row>
    <row r="15" spans="1:3" ht="45.75" customHeight="1" x14ac:dyDescent="0.15">
      <c r="A15" s="23" t="s">
        <v>409</v>
      </c>
      <c r="B15" s="306" t="s">
        <v>411</v>
      </c>
      <c r="C15" s="88"/>
    </row>
    <row r="16" spans="1:3" ht="45.75" customHeight="1" x14ac:dyDescent="0.15">
      <c r="A16" s="23" t="s">
        <v>410</v>
      </c>
      <c r="B16" s="307"/>
      <c r="C16" s="88"/>
    </row>
    <row r="17" spans="1:3" ht="45.75" customHeight="1" x14ac:dyDescent="0.15">
      <c r="A17" s="23" t="s">
        <v>490</v>
      </c>
      <c r="B17" s="308"/>
      <c r="C17" s="88"/>
    </row>
    <row r="18" spans="1:3" ht="45.75" customHeight="1" x14ac:dyDescent="0.15">
      <c r="A18" s="23" t="s">
        <v>491</v>
      </c>
      <c r="B18" s="263" t="s">
        <v>492</v>
      </c>
      <c r="C18" s="88"/>
    </row>
    <row r="19" spans="1:3" ht="42.75" customHeight="1" x14ac:dyDescent="0.15">
      <c r="A19" s="23" t="s">
        <v>493</v>
      </c>
      <c r="B19" s="263" t="s">
        <v>494</v>
      </c>
      <c r="C19" s="88"/>
    </row>
    <row r="20" spans="1:3" ht="36" customHeight="1" x14ac:dyDescent="0.15">
      <c r="A20" s="23" t="s">
        <v>495</v>
      </c>
      <c r="B20" s="98" t="s">
        <v>496</v>
      </c>
      <c r="C20" s="88"/>
    </row>
    <row r="21" spans="1:3" ht="32.25" customHeight="1" x14ac:dyDescent="0.15">
      <c r="A21" s="23" t="s">
        <v>101</v>
      </c>
      <c r="B21" s="88" t="s">
        <v>351</v>
      </c>
      <c r="C21" s="88"/>
    </row>
    <row r="22" spans="1:3" ht="42.75" customHeight="1" x14ac:dyDescent="0.15">
      <c r="A22" s="23" t="s">
        <v>225</v>
      </c>
      <c r="B22" s="88" t="s">
        <v>550</v>
      </c>
      <c r="C22" s="88"/>
    </row>
    <row r="23" spans="1:3" ht="42.75" customHeight="1" x14ac:dyDescent="0.15">
      <c r="A23" s="23" t="s">
        <v>520</v>
      </c>
      <c r="B23" s="88" t="s">
        <v>523</v>
      </c>
      <c r="C23" s="88"/>
    </row>
    <row r="24" spans="1:3" ht="42.75" customHeight="1" x14ac:dyDescent="0.15">
      <c r="A24" s="23" t="s">
        <v>521</v>
      </c>
      <c r="B24" s="88" t="s">
        <v>522</v>
      </c>
      <c r="C24" s="88"/>
    </row>
    <row r="25" spans="1:3" ht="21" customHeight="1" x14ac:dyDescent="0.15">
      <c r="A25" s="23" t="s">
        <v>102</v>
      </c>
      <c r="B25" s="88" t="s">
        <v>159</v>
      </c>
      <c r="C25" s="88"/>
    </row>
    <row r="26" spans="1:3" ht="94.5" x14ac:dyDescent="0.15">
      <c r="A26" s="23" t="s">
        <v>226</v>
      </c>
      <c r="B26" s="88" t="s">
        <v>227</v>
      </c>
      <c r="C26" s="88"/>
    </row>
    <row r="27" spans="1:3" ht="132" customHeight="1" x14ac:dyDescent="0.15">
      <c r="A27" s="23" t="s">
        <v>293</v>
      </c>
      <c r="B27" s="88" t="s">
        <v>297</v>
      </c>
      <c r="C27" s="88"/>
    </row>
    <row r="28" spans="1:3" ht="132" customHeight="1" x14ac:dyDescent="0.15">
      <c r="A28" s="23" t="s">
        <v>294</v>
      </c>
      <c r="B28" s="88" t="s">
        <v>296</v>
      </c>
      <c r="C28" s="88"/>
    </row>
    <row r="29" spans="1:3" ht="114.75" customHeight="1" x14ac:dyDescent="0.15">
      <c r="A29" s="23" t="s">
        <v>295</v>
      </c>
      <c r="B29" s="88" t="s">
        <v>298</v>
      </c>
      <c r="C29" s="88"/>
    </row>
    <row r="30" spans="1:3" ht="34.5" customHeight="1" x14ac:dyDescent="0.15">
      <c r="A30" s="23" t="s">
        <v>103</v>
      </c>
      <c r="B30" s="88" t="s">
        <v>299</v>
      </c>
      <c r="C30" s="88"/>
    </row>
  </sheetData>
  <mergeCells count="3">
    <mergeCell ref="A1:C1"/>
    <mergeCell ref="A2:C2"/>
    <mergeCell ref="B15:B17"/>
  </mergeCells>
  <phoneticPr fontId="3"/>
  <printOptions horizontalCentered="1"/>
  <pageMargins left="0.39370078740157483" right="0.39370078740157483" top="0.39370078740157483" bottom="0.19685039370078741" header="0.51181102362204722" footer="0.11811023622047245"/>
  <pageSetup paperSize="9" scale="56" orientation="portrait" r:id="rId1"/>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D123"/>
  <sheetViews>
    <sheetView zoomScaleNormal="100" zoomScaleSheetLayoutView="85" workbookViewId="0">
      <selection sqref="A1:AC37"/>
    </sheetView>
  </sheetViews>
  <sheetFormatPr defaultColWidth="3.5" defaultRowHeight="13.5" x14ac:dyDescent="0.15"/>
  <cols>
    <col min="1" max="1" width="3.5" style="7"/>
    <col min="2" max="2" width="3" style="109" customWidth="1"/>
    <col min="3" max="7" width="3.5" style="7"/>
    <col min="8" max="8" width="2.5" style="7" customWidth="1"/>
    <col min="9" max="28" width="3.5" style="7"/>
    <col min="29" max="29" width="6.75" style="7" customWidth="1"/>
    <col min="30" max="16384" width="3.5" style="7"/>
  </cols>
  <sheetData>
    <row r="2" spans="2:29" x14ac:dyDescent="0.15">
      <c r="B2" s="7" t="s">
        <v>605</v>
      </c>
    </row>
    <row r="3" spans="2:29" x14ac:dyDescent="0.15">
      <c r="D3" s="504"/>
      <c r="E3" s="504"/>
      <c r="F3" s="504"/>
      <c r="G3" s="504"/>
      <c r="H3" s="504"/>
      <c r="I3" s="504"/>
      <c r="J3" s="504"/>
      <c r="K3" s="504"/>
      <c r="L3" s="504"/>
      <c r="M3" s="504"/>
      <c r="N3" s="504"/>
      <c r="O3" s="504"/>
      <c r="P3" s="504"/>
      <c r="Q3" s="504"/>
      <c r="R3" s="504"/>
      <c r="S3" s="504"/>
      <c r="T3" s="504"/>
      <c r="U3" s="504"/>
      <c r="V3" s="504"/>
      <c r="W3" s="504"/>
      <c r="X3" s="504"/>
      <c r="Y3" s="504"/>
      <c r="Z3" s="504"/>
      <c r="AA3" s="504"/>
      <c r="AB3" s="504"/>
      <c r="AC3" s="504"/>
    </row>
    <row r="4" spans="2:29" x14ac:dyDescent="0.15">
      <c r="B4" s="506" t="s">
        <v>606</v>
      </c>
      <c r="C4" s="506"/>
      <c r="D4" s="506"/>
      <c r="E4" s="506"/>
      <c r="F4" s="506"/>
      <c r="G4" s="506"/>
      <c r="H4" s="506"/>
      <c r="I4" s="506"/>
      <c r="J4" s="506"/>
      <c r="K4" s="506"/>
      <c r="L4" s="506"/>
      <c r="M4" s="506"/>
      <c r="N4" s="506"/>
      <c r="O4" s="506"/>
      <c r="P4" s="506"/>
      <c r="Q4" s="506"/>
      <c r="R4" s="506"/>
      <c r="S4" s="506"/>
      <c r="T4" s="506"/>
      <c r="U4" s="506"/>
      <c r="V4" s="506"/>
      <c r="W4" s="506"/>
      <c r="X4" s="506"/>
      <c r="Y4" s="506"/>
      <c r="Z4" s="506"/>
      <c r="AA4" s="506"/>
      <c r="AB4" s="506"/>
      <c r="AC4" s="506"/>
    </row>
    <row r="6" spans="2:29" ht="30" customHeight="1" x14ac:dyDescent="0.15">
      <c r="B6" s="269">
        <v>1</v>
      </c>
      <c r="C6" s="372" t="s">
        <v>607</v>
      </c>
      <c r="D6" s="372"/>
      <c r="E6" s="372"/>
      <c r="F6" s="372"/>
      <c r="G6" s="454"/>
      <c r="H6" s="507"/>
      <c r="I6" s="508"/>
      <c r="J6" s="508"/>
      <c r="K6" s="508"/>
      <c r="L6" s="508"/>
      <c r="M6" s="508"/>
      <c r="N6" s="508"/>
      <c r="O6" s="508"/>
      <c r="P6" s="508"/>
      <c r="Q6" s="508"/>
      <c r="R6" s="508"/>
      <c r="S6" s="508"/>
      <c r="T6" s="508"/>
      <c r="U6" s="508"/>
      <c r="V6" s="508"/>
      <c r="W6" s="508"/>
      <c r="X6" s="508"/>
      <c r="Y6" s="508"/>
      <c r="Z6" s="508"/>
      <c r="AA6" s="508"/>
      <c r="AB6" s="508"/>
      <c r="AC6" s="509"/>
    </row>
    <row r="7" spans="2:29" ht="30" customHeight="1" x14ac:dyDescent="0.15">
      <c r="B7" s="271">
        <v>2</v>
      </c>
      <c r="C7" s="374" t="s">
        <v>608</v>
      </c>
      <c r="D7" s="374"/>
      <c r="E7" s="374"/>
      <c r="F7" s="374"/>
      <c r="G7" s="375"/>
      <c r="H7" s="298"/>
      <c r="I7" s="274" t="s">
        <v>0</v>
      </c>
      <c r="J7" s="272" t="s">
        <v>556</v>
      </c>
      <c r="K7" s="272"/>
      <c r="L7" s="272"/>
      <c r="M7" s="272"/>
      <c r="N7" s="274" t="s">
        <v>0</v>
      </c>
      <c r="O7" s="272" t="s">
        <v>477</v>
      </c>
      <c r="P7" s="272"/>
      <c r="Q7" s="272"/>
      <c r="R7" s="272"/>
      <c r="S7" s="274" t="s">
        <v>0</v>
      </c>
      <c r="T7" s="272" t="s">
        <v>478</v>
      </c>
      <c r="U7" s="272"/>
      <c r="V7" s="299"/>
      <c r="W7" s="299"/>
      <c r="X7" s="299"/>
      <c r="Y7" s="299"/>
      <c r="Z7" s="299"/>
      <c r="AC7" s="9"/>
    </row>
    <row r="8" spans="2:29" ht="30" customHeight="1" x14ac:dyDescent="0.15">
      <c r="B8" s="455">
        <v>3</v>
      </c>
      <c r="C8" s="510" t="s">
        <v>609</v>
      </c>
      <c r="D8" s="510"/>
      <c r="E8" s="510"/>
      <c r="F8" s="510"/>
      <c r="G8" s="511"/>
      <c r="H8" s="300"/>
      <c r="I8" s="287" t="s">
        <v>0</v>
      </c>
      <c r="J8" s="4" t="s">
        <v>610</v>
      </c>
      <c r="K8" s="4"/>
      <c r="L8" s="4"/>
      <c r="M8" s="4"/>
      <c r="N8" s="4"/>
      <c r="O8" s="4"/>
      <c r="P8" s="4"/>
      <c r="Q8" s="287" t="s">
        <v>0</v>
      </c>
      <c r="R8" s="206" t="s">
        <v>611</v>
      </c>
      <c r="U8" s="4"/>
      <c r="AA8" s="70"/>
      <c r="AB8" s="70"/>
      <c r="AC8" s="60"/>
    </row>
    <row r="9" spans="2:29" ht="30" customHeight="1" x14ac:dyDescent="0.15">
      <c r="B9" s="416"/>
      <c r="C9" s="512"/>
      <c r="D9" s="512"/>
      <c r="E9" s="512"/>
      <c r="F9" s="512"/>
      <c r="G9" s="513"/>
      <c r="H9" s="301"/>
      <c r="I9" s="289" t="s">
        <v>0</v>
      </c>
      <c r="J9" s="207" t="s">
        <v>612</v>
      </c>
      <c r="K9" s="207"/>
      <c r="L9" s="207"/>
      <c r="M9" s="207"/>
      <c r="N9" s="207"/>
      <c r="O9" s="207"/>
      <c r="P9" s="207"/>
      <c r="Q9" s="289" t="s">
        <v>0</v>
      </c>
      <c r="R9" s="207" t="s">
        <v>613</v>
      </c>
      <c r="S9" s="8"/>
      <c r="T9" s="8"/>
      <c r="U9" s="207"/>
      <c r="V9" s="8"/>
      <c r="W9" s="8"/>
      <c r="X9" s="8"/>
      <c r="Y9" s="8"/>
      <c r="Z9" s="8"/>
      <c r="AA9" s="8"/>
      <c r="AB9" s="8"/>
      <c r="AC9" s="69"/>
    </row>
    <row r="10" spans="2:29" x14ac:dyDescent="0.15">
      <c r="B10" s="302"/>
      <c r="C10" s="70"/>
      <c r="D10" s="70"/>
      <c r="E10" s="70"/>
      <c r="F10" s="70"/>
      <c r="G10" s="60"/>
      <c r="H10" s="300"/>
      <c r="AC10" s="9"/>
    </row>
    <row r="11" spans="2:29" x14ac:dyDescent="0.15">
      <c r="B11" s="303">
        <v>4</v>
      </c>
      <c r="C11" s="504" t="s">
        <v>614</v>
      </c>
      <c r="D11" s="504"/>
      <c r="E11" s="504"/>
      <c r="F11" s="504"/>
      <c r="G11" s="505"/>
      <c r="H11" s="300"/>
      <c r="I11" s="7" t="s">
        <v>615</v>
      </c>
      <c r="AC11" s="9"/>
    </row>
    <row r="12" spans="2:29" x14ac:dyDescent="0.15">
      <c r="B12" s="303"/>
      <c r="C12" s="504"/>
      <c r="D12" s="504"/>
      <c r="E12" s="504"/>
      <c r="F12" s="504"/>
      <c r="G12" s="505"/>
      <c r="H12" s="300"/>
      <c r="AC12" s="9"/>
    </row>
    <row r="13" spans="2:29" x14ac:dyDescent="0.15">
      <c r="B13" s="303"/>
      <c r="C13" s="504"/>
      <c r="D13" s="504"/>
      <c r="E13" s="504"/>
      <c r="F13" s="504"/>
      <c r="G13" s="505"/>
      <c r="H13" s="300"/>
      <c r="I13" s="409" t="s">
        <v>616</v>
      </c>
      <c r="J13" s="409"/>
      <c r="K13" s="409"/>
      <c r="L13" s="409"/>
      <c r="M13" s="409"/>
      <c r="N13" s="409"/>
      <c r="O13" s="455" t="s">
        <v>617</v>
      </c>
      <c r="P13" s="456"/>
      <c r="Q13" s="456"/>
      <c r="R13" s="456"/>
      <c r="S13" s="456"/>
      <c r="T13" s="456"/>
      <c r="U13" s="456"/>
      <c r="V13" s="456"/>
      <c r="W13" s="457"/>
      <c r="AC13" s="9"/>
    </row>
    <row r="14" spans="2:29" x14ac:dyDescent="0.15">
      <c r="B14" s="303"/>
      <c r="G14" s="9"/>
      <c r="H14" s="300"/>
      <c r="I14" s="409"/>
      <c r="J14" s="409"/>
      <c r="K14" s="409"/>
      <c r="L14" s="409"/>
      <c r="M14" s="409"/>
      <c r="N14" s="409"/>
      <c r="O14" s="416"/>
      <c r="P14" s="417"/>
      <c r="Q14" s="417"/>
      <c r="R14" s="417"/>
      <c r="S14" s="417"/>
      <c r="T14" s="417"/>
      <c r="U14" s="417"/>
      <c r="V14" s="417"/>
      <c r="W14" s="460"/>
      <c r="AC14" s="9"/>
    </row>
    <row r="15" spans="2:29" ht="13.5" customHeight="1" x14ac:dyDescent="0.15">
      <c r="B15" s="303"/>
      <c r="G15" s="9"/>
      <c r="H15" s="300"/>
      <c r="I15" s="455" t="s">
        <v>618</v>
      </c>
      <c r="J15" s="456"/>
      <c r="K15" s="456"/>
      <c r="L15" s="456"/>
      <c r="M15" s="456"/>
      <c r="N15" s="457"/>
      <c r="O15" s="455"/>
      <c r="P15" s="456"/>
      <c r="Q15" s="456"/>
      <c r="R15" s="456"/>
      <c r="S15" s="456"/>
      <c r="T15" s="456"/>
      <c r="U15" s="456"/>
      <c r="V15" s="456"/>
      <c r="W15" s="457"/>
      <c r="AC15" s="9"/>
    </row>
    <row r="16" spans="2:29" x14ac:dyDescent="0.15">
      <c r="B16" s="303"/>
      <c r="G16" s="9"/>
      <c r="H16" s="300"/>
      <c r="I16" s="416"/>
      <c r="J16" s="417"/>
      <c r="K16" s="417"/>
      <c r="L16" s="417"/>
      <c r="M16" s="417"/>
      <c r="N16" s="460"/>
      <c r="O16" s="416"/>
      <c r="P16" s="417"/>
      <c r="Q16" s="417"/>
      <c r="R16" s="417"/>
      <c r="S16" s="417"/>
      <c r="T16" s="417"/>
      <c r="U16" s="417"/>
      <c r="V16" s="417"/>
      <c r="W16" s="460"/>
      <c r="AC16" s="9"/>
    </row>
    <row r="17" spans="2:29" x14ac:dyDescent="0.15">
      <c r="B17" s="303"/>
      <c r="G17" s="9"/>
      <c r="H17" s="300"/>
      <c r="I17" s="455" t="s">
        <v>619</v>
      </c>
      <c r="J17" s="456"/>
      <c r="K17" s="456"/>
      <c r="L17" s="456"/>
      <c r="M17" s="456"/>
      <c r="N17" s="457"/>
      <c r="O17" s="455"/>
      <c r="P17" s="456"/>
      <c r="Q17" s="456"/>
      <c r="R17" s="456"/>
      <c r="S17" s="456"/>
      <c r="T17" s="456"/>
      <c r="U17" s="456"/>
      <c r="V17" s="456"/>
      <c r="W17" s="457"/>
      <c r="AC17" s="9"/>
    </row>
    <row r="18" spans="2:29" x14ac:dyDescent="0.15">
      <c r="B18" s="303"/>
      <c r="G18" s="9"/>
      <c r="H18" s="300"/>
      <c r="I18" s="416"/>
      <c r="J18" s="417"/>
      <c r="K18" s="417"/>
      <c r="L18" s="417"/>
      <c r="M18" s="417"/>
      <c r="N18" s="460"/>
      <c r="O18" s="416"/>
      <c r="P18" s="417"/>
      <c r="Q18" s="417"/>
      <c r="R18" s="417"/>
      <c r="S18" s="417"/>
      <c r="T18" s="417"/>
      <c r="U18" s="417"/>
      <c r="V18" s="417"/>
      <c r="W18" s="460"/>
      <c r="AC18" s="9"/>
    </row>
    <row r="19" spans="2:29" x14ac:dyDescent="0.15">
      <c r="B19" s="303"/>
      <c r="G19" s="9"/>
      <c r="H19" s="300"/>
      <c r="I19" s="409" t="s">
        <v>620</v>
      </c>
      <c r="J19" s="409"/>
      <c r="K19" s="409"/>
      <c r="L19" s="409"/>
      <c r="M19" s="409"/>
      <c r="N19" s="409"/>
      <c r="O19" s="455"/>
      <c r="P19" s="456"/>
      <c r="Q19" s="456"/>
      <c r="R19" s="456"/>
      <c r="S19" s="456"/>
      <c r="T19" s="456"/>
      <c r="U19" s="456"/>
      <c r="V19" s="456"/>
      <c r="W19" s="457"/>
      <c r="AC19" s="9"/>
    </row>
    <row r="20" spans="2:29" x14ac:dyDescent="0.15">
      <c r="B20" s="303"/>
      <c r="G20" s="9"/>
      <c r="H20" s="300"/>
      <c r="I20" s="409"/>
      <c r="J20" s="409"/>
      <c r="K20" s="409"/>
      <c r="L20" s="409"/>
      <c r="M20" s="409"/>
      <c r="N20" s="409"/>
      <c r="O20" s="416"/>
      <c r="P20" s="417"/>
      <c r="Q20" s="417"/>
      <c r="R20" s="417"/>
      <c r="S20" s="417"/>
      <c r="T20" s="417"/>
      <c r="U20" s="417"/>
      <c r="V20" s="417"/>
      <c r="W20" s="460"/>
      <c r="AC20" s="9"/>
    </row>
    <row r="21" spans="2:29" x14ac:dyDescent="0.15">
      <c r="B21" s="303"/>
      <c r="G21" s="9"/>
      <c r="H21" s="300"/>
      <c r="I21" s="409" t="s">
        <v>621</v>
      </c>
      <c r="J21" s="409"/>
      <c r="K21" s="409"/>
      <c r="L21" s="409"/>
      <c r="M21" s="409"/>
      <c r="N21" s="409"/>
      <c r="O21" s="455"/>
      <c r="P21" s="456"/>
      <c r="Q21" s="456"/>
      <c r="R21" s="456"/>
      <c r="S21" s="456"/>
      <c r="T21" s="456"/>
      <c r="U21" s="456"/>
      <c r="V21" s="456"/>
      <c r="W21" s="457"/>
      <c r="AC21" s="9"/>
    </row>
    <row r="22" spans="2:29" x14ac:dyDescent="0.15">
      <c r="B22" s="303"/>
      <c r="G22" s="9"/>
      <c r="H22" s="300"/>
      <c r="I22" s="409"/>
      <c r="J22" s="409"/>
      <c r="K22" s="409"/>
      <c r="L22" s="409"/>
      <c r="M22" s="409"/>
      <c r="N22" s="409"/>
      <c r="O22" s="416"/>
      <c r="P22" s="417"/>
      <c r="Q22" s="417"/>
      <c r="R22" s="417"/>
      <c r="S22" s="417"/>
      <c r="T22" s="417"/>
      <c r="U22" s="417"/>
      <c r="V22" s="417"/>
      <c r="W22" s="460"/>
      <c r="AC22" s="9"/>
    </row>
    <row r="23" spans="2:29" x14ac:dyDescent="0.15">
      <c r="B23" s="303"/>
      <c r="G23" s="9"/>
      <c r="H23" s="300"/>
      <c r="I23" s="409" t="s">
        <v>622</v>
      </c>
      <c r="J23" s="409"/>
      <c r="K23" s="409"/>
      <c r="L23" s="409"/>
      <c r="M23" s="409"/>
      <c r="N23" s="409"/>
      <c r="O23" s="455"/>
      <c r="P23" s="456"/>
      <c r="Q23" s="456"/>
      <c r="R23" s="456"/>
      <c r="S23" s="456"/>
      <c r="T23" s="456"/>
      <c r="U23" s="456"/>
      <c r="V23" s="456"/>
      <c r="W23" s="457"/>
      <c r="AC23" s="9"/>
    </row>
    <row r="24" spans="2:29" x14ac:dyDescent="0.15">
      <c r="B24" s="303"/>
      <c r="G24" s="9"/>
      <c r="H24" s="300"/>
      <c r="I24" s="409"/>
      <c r="J24" s="409"/>
      <c r="K24" s="409"/>
      <c r="L24" s="409"/>
      <c r="M24" s="409"/>
      <c r="N24" s="409"/>
      <c r="O24" s="416"/>
      <c r="P24" s="417"/>
      <c r="Q24" s="417"/>
      <c r="R24" s="417"/>
      <c r="S24" s="417"/>
      <c r="T24" s="417"/>
      <c r="U24" s="417"/>
      <c r="V24" s="417"/>
      <c r="W24" s="460"/>
      <c r="AC24" s="9"/>
    </row>
    <row r="25" spans="2:29" x14ac:dyDescent="0.15">
      <c r="B25" s="303"/>
      <c r="G25" s="9"/>
      <c r="H25" s="300"/>
      <c r="I25" s="409"/>
      <c r="J25" s="409"/>
      <c r="K25" s="409"/>
      <c r="L25" s="409"/>
      <c r="M25" s="409"/>
      <c r="N25" s="409"/>
      <c r="O25" s="455"/>
      <c r="P25" s="456"/>
      <c r="Q25" s="456"/>
      <c r="R25" s="456"/>
      <c r="S25" s="456"/>
      <c r="T25" s="456"/>
      <c r="U25" s="456"/>
      <c r="V25" s="456"/>
      <c r="W25" s="457"/>
      <c r="AC25" s="9"/>
    </row>
    <row r="26" spans="2:29" x14ac:dyDescent="0.15">
      <c r="B26" s="303"/>
      <c r="G26" s="9"/>
      <c r="H26" s="300"/>
      <c r="I26" s="409"/>
      <c r="J26" s="409"/>
      <c r="K26" s="409"/>
      <c r="L26" s="409"/>
      <c r="M26" s="409"/>
      <c r="N26" s="409"/>
      <c r="O26" s="416"/>
      <c r="P26" s="417"/>
      <c r="Q26" s="417"/>
      <c r="R26" s="417"/>
      <c r="S26" s="417"/>
      <c r="T26" s="417"/>
      <c r="U26" s="417"/>
      <c r="V26" s="417"/>
      <c r="W26" s="460"/>
      <c r="AC26" s="9"/>
    </row>
    <row r="27" spans="2:29" x14ac:dyDescent="0.15">
      <c r="B27" s="303"/>
      <c r="G27" s="9"/>
      <c r="H27" s="300"/>
      <c r="I27" s="409"/>
      <c r="J27" s="409"/>
      <c r="K27" s="409"/>
      <c r="L27" s="409"/>
      <c r="M27" s="409"/>
      <c r="N27" s="409"/>
      <c r="O27" s="455"/>
      <c r="P27" s="456"/>
      <c r="Q27" s="456"/>
      <c r="R27" s="456"/>
      <c r="S27" s="456"/>
      <c r="T27" s="456"/>
      <c r="U27" s="456"/>
      <c r="V27" s="456"/>
      <c r="W27" s="457"/>
      <c r="AC27" s="9"/>
    </row>
    <row r="28" spans="2:29" x14ac:dyDescent="0.15">
      <c r="B28" s="303"/>
      <c r="G28" s="9"/>
      <c r="H28" s="300"/>
      <c r="I28" s="409"/>
      <c r="J28" s="409"/>
      <c r="K28" s="409"/>
      <c r="L28" s="409"/>
      <c r="M28" s="409"/>
      <c r="N28" s="409"/>
      <c r="O28" s="416"/>
      <c r="P28" s="417"/>
      <c r="Q28" s="417"/>
      <c r="R28" s="417"/>
      <c r="S28" s="417"/>
      <c r="T28" s="417"/>
      <c r="U28" s="417"/>
      <c r="V28" s="417"/>
      <c r="W28" s="460"/>
      <c r="AC28" s="9"/>
    </row>
    <row r="29" spans="2:29" x14ac:dyDescent="0.15">
      <c r="B29" s="303"/>
      <c r="G29" s="9"/>
      <c r="H29" s="300"/>
      <c r="I29" s="409"/>
      <c r="J29" s="409"/>
      <c r="K29" s="409"/>
      <c r="L29" s="409"/>
      <c r="M29" s="409"/>
      <c r="N29" s="409"/>
      <c r="O29" s="455"/>
      <c r="P29" s="456"/>
      <c r="Q29" s="456"/>
      <c r="R29" s="456"/>
      <c r="S29" s="456"/>
      <c r="T29" s="456"/>
      <c r="U29" s="456"/>
      <c r="V29" s="456"/>
      <c r="W29" s="457"/>
      <c r="AC29" s="9"/>
    </row>
    <row r="30" spans="2:29" x14ac:dyDescent="0.15">
      <c r="B30" s="303"/>
      <c r="G30" s="9"/>
      <c r="H30" s="300"/>
      <c r="I30" s="409"/>
      <c r="J30" s="409"/>
      <c r="K30" s="409"/>
      <c r="L30" s="409"/>
      <c r="M30" s="409"/>
      <c r="N30" s="409"/>
      <c r="O30" s="416"/>
      <c r="P30" s="417"/>
      <c r="Q30" s="417"/>
      <c r="R30" s="417"/>
      <c r="S30" s="417"/>
      <c r="T30" s="417"/>
      <c r="U30" s="417"/>
      <c r="V30" s="417"/>
      <c r="W30" s="460"/>
      <c r="AC30" s="9"/>
    </row>
    <row r="31" spans="2:29" x14ac:dyDescent="0.15">
      <c r="B31" s="303"/>
      <c r="G31" s="9"/>
      <c r="H31" s="300"/>
      <c r="I31" s="409"/>
      <c r="J31" s="409"/>
      <c r="K31" s="409"/>
      <c r="L31" s="409"/>
      <c r="M31" s="409"/>
      <c r="N31" s="409"/>
      <c r="O31" s="455"/>
      <c r="P31" s="456"/>
      <c r="Q31" s="456"/>
      <c r="R31" s="456"/>
      <c r="S31" s="456"/>
      <c r="T31" s="456"/>
      <c r="U31" s="456"/>
      <c r="V31" s="456"/>
      <c r="W31" s="457"/>
      <c r="AC31" s="9"/>
    </row>
    <row r="32" spans="2:29" x14ac:dyDescent="0.15">
      <c r="B32" s="303"/>
      <c r="G32" s="9"/>
      <c r="H32" s="300"/>
      <c r="I32" s="409"/>
      <c r="J32" s="409"/>
      <c r="K32" s="409"/>
      <c r="L32" s="409"/>
      <c r="M32" s="409"/>
      <c r="N32" s="409"/>
      <c r="O32" s="416"/>
      <c r="P32" s="417"/>
      <c r="Q32" s="417"/>
      <c r="R32" s="417"/>
      <c r="S32" s="417"/>
      <c r="T32" s="417"/>
      <c r="U32" s="417"/>
      <c r="V32" s="417"/>
      <c r="W32" s="460"/>
      <c r="AC32" s="9"/>
    </row>
    <row r="33" spans="2:30" x14ac:dyDescent="0.15">
      <c r="B33" s="108"/>
      <c r="C33" s="8"/>
      <c r="D33" s="8"/>
      <c r="E33" s="8"/>
      <c r="F33" s="8"/>
      <c r="G33" s="69"/>
      <c r="H33" s="301"/>
      <c r="I33" s="8"/>
      <c r="J33" s="8"/>
      <c r="K33" s="8"/>
      <c r="L33" s="8"/>
      <c r="M33" s="8"/>
      <c r="N33" s="8"/>
      <c r="O33" s="8"/>
      <c r="P33" s="8"/>
      <c r="Q33" s="8"/>
      <c r="R33" s="8"/>
      <c r="S33" s="8"/>
      <c r="T33" s="8"/>
      <c r="U33" s="8"/>
      <c r="V33" s="8"/>
      <c r="W33" s="8"/>
      <c r="X33" s="8"/>
      <c r="Y33" s="8"/>
      <c r="Z33" s="8"/>
      <c r="AA33" s="8"/>
      <c r="AB33" s="8"/>
      <c r="AC33" s="69"/>
    </row>
    <row r="34" spans="2:30" x14ac:dyDescent="0.15">
      <c r="H34" s="270"/>
      <c r="I34" s="270"/>
      <c r="J34" s="270"/>
      <c r="K34" s="270"/>
      <c r="L34" s="270"/>
      <c r="M34" s="270"/>
      <c r="N34" s="270"/>
      <c r="O34" s="270"/>
      <c r="P34" s="270"/>
      <c r="Q34" s="270"/>
      <c r="R34" s="270"/>
      <c r="S34" s="270"/>
      <c r="T34" s="270"/>
      <c r="U34" s="270"/>
      <c r="V34" s="270"/>
      <c r="W34" s="270"/>
      <c r="X34" s="270"/>
      <c r="Y34" s="270"/>
      <c r="Z34" s="270"/>
      <c r="AA34" s="270"/>
      <c r="AB34" s="270"/>
      <c r="AC34" s="270"/>
    </row>
    <row r="35" spans="2:30" ht="6" customHeight="1" x14ac:dyDescent="0.15"/>
    <row r="36" spans="2:30" ht="13.5" customHeight="1" x14ac:dyDescent="0.15">
      <c r="B36" s="7" t="s">
        <v>623</v>
      </c>
      <c r="C36" s="504" t="s">
        <v>624</v>
      </c>
      <c r="D36" s="504"/>
      <c r="E36" s="504"/>
      <c r="F36" s="504"/>
      <c r="G36" s="504"/>
      <c r="H36" s="504"/>
      <c r="I36" s="504"/>
      <c r="J36" s="504"/>
      <c r="K36" s="504"/>
      <c r="L36" s="504"/>
      <c r="M36" s="504"/>
      <c r="N36" s="504"/>
      <c r="O36" s="504"/>
      <c r="P36" s="504"/>
      <c r="Q36" s="504"/>
      <c r="R36" s="504"/>
      <c r="S36" s="504"/>
      <c r="T36" s="504"/>
      <c r="U36" s="504"/>
      <c r="V36" s="504"/>
      <c r="W36" s="504"/>
      <c r="X36" s="504"/>
      <c r="Y36" s="504"/>
      <c r="Z36" s="504"/>
      <c r="AA36" s="504"/>
      <c r="AB36" s="504"/>
      <c r="AC36" s="504"/>
      <c r="AD36" s="97"/>
    </row>
    <row r="37" spans="2:30" x14ac:dyDescent="0.15">
      <c r="C37" s="504"/>
      <c r="D37" s="504"/>
      <c r="E37" s="504"/>
      <c r="F37" s="504"/>
      <c r="G37" s="504"/>
      <c r="H37" s="504"/>
      <c r="I37" s="504"/>
      <c r="J37" s="504"/>
      <c r="K37" s="504"/>
      <c r="L37" s="504"/>
      <c r="M37" s="504"/>
      <c r="N37" s="504"/>
      <c r="O37" s="504"/>
      <c r="P37" s="504"/>
      <c r="Q37" s="504"/>
      <c r="R37" s="504"/>
      <c r="S37" s="504"/>
      <c r="T37" s="504"/>
      <c r="U37" s="504"/>
      <c r="V37" s="504"/>
      <c r="W37" s="504"/>
      <c r="X37" s="504"/>
      <c r="Y37" s="504"/>
      <c r="Z37" s="504"/>
      <c r="AA37" s="504"/>
      <c r="AB37" s="504"/>
      <c r="AC37" s="504"/>
      <c r="AD37" s="97"/>
    </row>
    <row r="122" spans="3:7" x14ac:dyDescent="0.15">
      <c r="C122" s="8"/>
      <c r="D122" s="8"/>
      <c r="E122" s="8"/>
      <c r="F122" s="8"/>
      <c r="G122" s="8"/>
    </row>
    <row r="123" spans="3:7" x14ac:dyDescent="0.15">
      <c r="C123" s="70"/>
    </row>
  </sheetData>
  <mergeCells count="29">
    <mergeCell ref="I17:N18"/>
    <mergeCell ref="O17:W18"/>
    <mergeCell ref="D3:AC3"/>
    <mergeCell ref="B4:AC4"/>
    <mergeCell ref="C6:G6"/>
    <mergeCell ref="H6:AC6"/>
    <mergeCell ref="C7:G7"/>
    <mergeCell ref="B8:B9"/>
    <mergeCell ref="C8:G9"/>
    <mergeCell ref="C11:G13"/>
    <mergeCell ref="I13:N14"/>
    <mergeCell ref="O13:W14"/>
    <mergeCell ref="I15:N16"/>
    <mergeCell ref="O15:W16"/>
    <mergeCell ref="I19:N20"/>
    <mergeCell ref="O19:W20"/>
    <mergeCell ref="I21:N22"/>
    <mergeCell ref="O21:W22"/>
    <mergeCell ref="I23:N24"/>
    <mergeCell ref="O23:W24"/>
    <mergeCell ref="I31:N32"/>
    <mergeCell ref="O31:W32"/>
    <mergeCell ref="C36:AC37"/>
    <mergeCell ref="I25:N26"/>
    <mergeCell ref="O25:W26"/>
    <mergeCell ref="I27:N28"/>
    <mergeCell ref="O27:W28"/>
    <mergeCell ref="I29:N30"/>
    <mergeCell ref="O29:W30"/>
  </mergeCells>
  <phoneticPr fontId="3"/>
  <dataValidations count="1">
    <dataValidation type="list" allowBlank="1" showInputMessage="1" showErrorMessage="1" sqref="I7:I9 N7 Q8:Q9 S7">
      <formula1>"□,■"</formula1>
    </dataValidation>
  </dataValidations>
  <pageMargins left="0.7" right="0.7" top="0.75" bottom="0.75" header="0.3" footer="0.3"/>
  <pageSetup paperSize="9" scale="85"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zoomScale="90" zoomScaleNormal="100" zoomScaleSheetLayoutView="90" workbookViewId="0">
      <selection activeCell="B4" sqref="B4:Y4"/>
    </sheetView>
  </sheetViews>
  <sheetFormatPr defaultColWidth="4" defaultRowHeight="13.5" x14ac:dyDescent="0.15"/>
  <cols>
    <col min="1" max="1" width="1.5" style="32" customWidth="1"/>
    <col min="2" max="2" width="1.125" style="32" customWidth="1"/>
    <col min="3" max="3" width="3.375" style="32" customWidth="1"/>
    <col min="4" max="4" width="3.25" style="32" customWidth="1"/>
    <col min="5" max="18" width="4" style="32"/>
    <col min="19" max="19" width="6.375" style="32" customWidth="1"/>
    <col min="20" max="20" width="1.75" style="32" customWidth="1"/>
    <col min="21" max="21" width="2.375" style="32" customWidth="1"/>
    <col min="22" max="22" width="4" style="32"/>
    <col min="23" max="23" width="2.25" style="32" customWidth="1"/>
    <col min="24" max="24" width="4" style="32"/>
    <col min="25" max="25" width="2.375" style="32" customWidth="1"/>
    <col min="26" max="26" width="1.5" style="32" customWidth="1"/>
    <col min="27" max="16384" width="4" style="32"/>
  </cols>
  <sheetData>
    <row r="2" spans="2:28" x14ac:dyDescent="0.15">
      <c r="B2" s="32" t="s">
        <v>303</v>
      </c>
      <c r="C2"/>
      <c r="D2"/>
      <c r="E2"/>
      <c r="F2"/>
      <c r="G2"/>
      <c r="H2"/>
      <c r="I2"/>
      <c r="J2"/>
      <c r="K2"/>
      <c r="L2"/>
      <c r="M2"/>
      <c r="N2"/>
      <c r="O2"/>
      <c r="P2"/>
      <c r="Q2"/>
      <c r="R2"/>
      <c r="S2"/>
      <c r="T2"/>
      <c r="U2"/>
      <c r="V2"/>
      <c r="W2"/>
      <c r="X2"/>
      <c r="Y2"/>
    </row>
    <row r="4" spans="2:28" x14ac:dyDescent="0.15">
      <c r="B4" s="371" t="s">
        <v>304</v>
      </c>
      <c r="C4" s="371"/>
      <c r="D4" s="371"/>
      <c r="E4" s="371"/>
      <c r="F4" s="371"/>
      <c r="G4" s="371"/>
      <c r="H4" s="371"/>
      <c r="I4" s="371"/>
      <c r="J4" s="371"/>
      <c r="K4" s="371"/>
      <c r="L4" s="371"/>
      <c r="M4" s="371"/>
      <c r="N4" s="371"/>
      <c r="O4" s="371"/>
      <c r="P4" s="371"/>
      <c r="Q4" s="371"/>
      <c r="R4" s="371"/>
      <c r="S4" s="371"/>
      <c r="T4" s="371"/>
      <c r="U4" s="371"/>
      <c r="V4" s="371"/>
      <c r="W4" s="371"/>
      <c r="X4" s="371"/>
      <c r="Y4" s="371"/>
    </row>
    <row r="6" spans="2:28" ht="23.25" customHeight="1" x14ac:dyDescent="0.15">
      <c r="B6" s="409" t="s">
        <v>15</v>
      </c>
      <c r="C6" s="409"/>
      <c r="D6" s="409"/>
      <c r="E6" s="409"/>
      <c r="F6" s="409"/>
      <c r="G6" s="367"/>
      <c r="H6" s="372"/>
      <c r="I6" s="372"/>
      <c r="J6" s="372"/>
      <c r="K6" s="372"/>
      <c r="L6" s="372"/>
      <c r="M6" s="372"/>
      <c r="N6" s="372"/>
      <c r="O6" s="372"/>
      <c r="P6" s="372"/>
      <c r="Q6" s="372"/>
      <c r="R6" s="372"/>
      <c r="S6" s="372"/>
      <c r="T6" s="372"/>
      <c r="U6" s="372"/>
      <c r="V6" s="372"/>
      <c r="W6" s="372"/>
      <c r="X6" s="372"/>
      <c r="Y6" s="454"/>
    </row>
    <row r="7" spans="2:28" ht="22.5" customHeight="1" x14ac:dyDescent="0.15">
      <c r="B7" s="409" t="s">
        <v>16</v>
      </c>
      <c r="C7" s="409"/>
      <c r="D7" s="409"/>
      <c r="E7" s="409"/>
      <c r="F7" s="409"/>
      <c r="G7" s="15" t="s">
        <v>0</v>
      </c>
      <c r="H7" s="25" t="s">
        <v>17</v>
      </c>
      <c r="I7" s="25"/>
      <c r="J7" s="25"/>
      <c r="K7" s="25"/>
      <c r="L7" s="15" t="s">
        <v>0</v>
      </c>
      <c r="M7" s="25" t="s">
        <v>18</v>
      </c>
      <c r="N7" s="25"/>
      <c r="O7" s="25"/>
      <c r="P7" s="25"/>
      <c r="Q7" s="15" t="s">
        <v>0</v>
      </c>
      <c r="R7" s="25" t="s">
        <v>19</v>
      </c>
      <c r="S7" s="25"/>
      <c r="T7" s="25"/>
      <c r="U7" s="25"/>
      <c r="V7" s="25"/>
      <c r="W7" s="26"/>
      <c r="X7" s="26"/>
      <c r="Y7" s="27"/>
    </row>
    <row r="8" spans="2:28" ht="20.100000000000001" customHeight="1" x14ac:dyDescent="0.15">
      <c r="B8" s="455" t="s">
        <v>305</v>
      </c>
      <c r="C8" s="456"/>
      <c r="D8" s="456"/>
      <c r="E8" s="456"/>
      <c r="F8" s="457"/>
      <c r="G8" s="13" t="s">
        <v>0</v>
      </c>
      <c r="H8" s="374" t="s">
        <v>306</v>
      </c>
      <c r="I8" s="374"/>
      <c r="J8" s="374"/>
      <c r="K8" s="374"/>
      <c r="L8" s="374"/>
      <c r="M8" s="374"/>
      <c r="N8" s="374"/>
      <c r="O8" s="374"/>
      <c r="P8" s="374"/>
      <c r="Q8" s="374"/>
      <c r="R8" s="374"/>
      <c r="S8" s="374"/>
      <c r="T8" s="374"/>
      <c r="U8" s="374"/>
      <c r="V8" s="374"/>
      <c r="W8" s="374"/>
      <c r="X8" s="374"/>
      <c r="Y8" s="375"/>
    </row>
    <row r="9" spans="2:28" ht="20.100000000000001" customHeight="1" x14ac:dyDescent="0.15">
      <c r="B9" s="458"/>
      <c r="C9" s="371"/>
      <c r="D9" s="371"/>
      <c r="E9" s="371"/>
      <c r="F9" s="459"/>
      <c r="G9" s="13" t="s">
        <v>0</v>
      </c>
      <c r="H9" s="465" t="s">
        <v>307</v>
      </c>
      <c r="I9" s="465"/>
      <c r="J9" s="465"/>
      <c r="K9" s="465"/>
      <c r="L9" s="465"/>
      <c r="M9" s="465"/>
      <c r="N9" s="465"/>
      <c r="O9" s="465"/>
      <c r="P9" s="465"/>
      <c r="Q9" s="465"/>
      <c r="R9" s="465"/>
      <c r="S9" s="465"/>
      <c r="T9" s="465"/>
      <c r="U9" s="465"/>
      <c r="V9" s="465"/>
      <c r="W9" s="465"/>
      <c r="X9" s="465"/>
      <c r="Y9" s="516"/>
    </row>
    <row r="10" spans="2:28" ht="20.100000000000001" customHeight="1" x14ac:dyDescent="0.15">
      <c r="B10" s="416"/>
      <c r="C10" s="417"/>
      <c r="D10" s="417"/>
      <c r="E10" s="417"/>
      <c r="F10" s="460"/>
      <c r="G10" s="10" t="s">
        <v>0</v>
      </c>
      <c r="H10" s="377" t="s">
        <v>308</v>
      </c>
      <c r="I10" s="377"/>
      <c r="J10" s="377"/>
      <c r="K10" s="377"/>
      <c r="L10" s="377"/>
      <c r="M10" s="377"/>
      <c r="N10" s="377"/>
      <c r="O10" s="377"/>
      <c r="P10" s="377"/>
      <c r="Q10" s="377"/>
      <c r="R10" s="377"/>
      <c r="S10" s="377"/>
      <c r="T10" s="377"/>
      <c r="U10" s="377"/>
      <c r="V10" s="377"/>
      <c r="W10" s="377"/>
      <c r="X10" s="377"/>
      <c r="Y10" s="378"/>
    </row>
    <row r="11" spans="2:28" ht="17.25" customHeight="1" x14ac:dyDescent="0.15">
      <c r="B11" s="455" t="s">
        <v>27</v>
      </c>
      <c r="C11" s="456"/>
      <c r="D11" s="456"/>
      <c r="E11" s="456"/>
      <c r="F11" s="457"/>
      <c r="G11" s="35" t="s">
        <v>0</v>
      </c>
      <c r="H11" s="374" t="s">
        <v>309</v>
      </c>
      <c r="I11" s="374"/>
      <c r="J11" s="374"/>
      <c r="K11" s="374"/>
      <c r="L11" s="374"/>
      <c r="M11" s="374"/>
      <c r="N11" s="374"/>
      <c r="O11" s="374"/>
      <c r="P11" s="374"/>
      <c r="Q11" s="374"/>
      <c r="R11" s="374"/>
      <c r="S11" s="374"/>
      <c r="T11" s="374"/>
      <c r="U11" s="374"/>
      <c r="V11" s="374"/>
      <c r="W11" s="374"/>
      <c r="X11" s="374"/>
      <c r="Y11" s="375"/>
    </row>
    <row r="12" spans="2:28" ht="18.75" customHeight="1" x14ac:dyDescent="0.15">
      <c r="B12" s="416"/>
      <c r="C12" s="417"/>
      <c r="D12" s="417"/>
      <c r="E12" s="417"/>
      <c r="F12" s="460"/>
      <c r="G12" s="10" t="s">
        <v>0</v>
      </c>
      <c r="H12" s="377" t="s">
        <v>310</v>
      </c>
      <c r="I12" s="377"/>
      <c r="J12" s="377"/>
      <c r="K12" s="377"/>
      <c r="L12" s="377"/>
      <c r="M12" s="377"/>
      <c r="N12" s="377"/>
      <c r="O12" s="377"/>
      <c r="P12" s="377"/>
      <c r="Q12" s="377"/>
      <c r="R12" s="377"/>
      <c r="S12" s="377"/>
      <c r="T12" s="377"/>
      <c r="U12" s="377"/>
      <c r="V12" s="377"/>
      <c r="W12" s="377"/>
      <c r="X12" s="377"/>
      <c r="Y12" s="378"/>
    </row>
    <row r="13" spans="2:28" ht="6" customHeight="1" x14ac:dyDescent="0.15"/>
    <row r="14" spans="2:28" x14ac:dyDescent="0.15">
      <c r="B14" s="32" t="s">
        <v>311</v>
      </c>
    </row>
    <row r="15" spans="2:28" x14ac:dyDescent="0.15">
      <c r="B15" s="28"/>
      <c r="C15" s="29" t="s">
        <v>312</v>
      </c>
      <c r="D15" s="29"/>
      <c r="E15" s="29"/>
      <c r="F15" s="29"/>
      <c r="G15" s="29"/>
      <c r="H15" s="29"/>
      <c r="I15" s="29"/>
      <c r="J15" s="29"/>
      <c r="K15" s="29"/>
      <c r="L15" s="29"/>
      <c r="M15" s="29"/>
      <c r="N15" s="29"/>
      <c r="O15" s="29"/>
      <c r="P15" s="29"/>
      <c r="Q15" s="29"/>
      <c r="R15" s="29"/>
      <c r="S15" s="29"/>
      <c r="T15" s="30"/>
      <c r="U15" s="28"/>
      <c r="V15" s="176" t="s">
        <v>20</v>
      </c>
      <c r="W15" s="176" t="s">
        <v>110</v>
      </c>
      <c r="X15" s="176" t="s">
        <v>21</v>
      </c>
      <c r="Y15" s="30"/>
      <c r="Z15"/>
      <c r="AA15"/>
      <c r="AB15"/>
    </row>
    <row r="16" spans="2:28" ht="6.75" customHeight="1" x14ac:dyDescent="0.15">
      <c r="B16" s="3"/>
      <c r="C16" s="6"/>
      <c r="D16" s="6"/>
      <c r="E16" s="6"/>
      <c r="F16" s="6"/>
      <c r="G16" s="6"/>
      <c r="H16" s="6"/>
      <c r="I16" s="6"/>
      <c r="J16" s="6"/>
      <c r="K16" s="6"/>
      <c r="L16" s="6"/>
      <c r="M16" s="6"/>
      <c r="N16" s="6"/>
      <c r="O16" s="6"/>
      <c r="P16" s="6"/>
      <c r="Q16" s="6"/>
      <c r="R16" s="6"/>
      <c r="S16" s="6"/>
      <c r="T16" s="33"/>
      <c r="U16" s="3"/>
      <c r="V16" s="31"/>
      <c r="W16" s="31"/>
      <c r="X16" s="31"/>
      <c r="Y16" s="33"/>
      <c r="Z16"/>
      <c r="AA16"/>
      <c r="AB16"/>
    </row>
    <row r="17" spans="2:28" ht="38.25" customHeight="1" x14ac:dyDescent="0.15">
      <c r="B17" s="3"/>
      <c r="C17" s="177" t="s">
        <v>313</v>
      </c>
      <c r="D17" s="517" t="s">
        <v>314</v>
      </c>
      <c r="E17" s="517"/>
      <c r="F17" s="517"/>
      <c r="G17" s="517"/>
      <c r="H17" s="517"/>
      <c r="I17" s="517"/>
      <c r="J17" s="517"/>
      <c r="K17" s="517"/>
      <c r="L17" s="517"/>
      <c r="M17" s="517"/>
      <c r="N17" s="517"/>
      <c r="O17" s="517"/>
      <c r="P17" s="517"/>
      <c r="Q17" s="517"/>
      <c r="R17" s="517"/>
      <c r="S17" s="518"/>
      <c r="T17" s="33"/>
      <c r="U17" s="3"/>
      <c r="V17" s="13" t="s">
        <v>0</v>
      </c>
      <c r="W17" s="13" t="s">
        <v>114</v>
      </c>
      <c r="X17" s="13" t="s">
        <v>0</v>
      </c>
      <c r="Y17" s="2"/>
    </row>
    <row r="18" spans="2:28" ht="35.25" customHeight="1" x14ac:dyDescent="0.15">
      <c r="B18" s="3"/>
      <c r="C18" s="177" t="s">
        <v>315</v>
      </c>
      <c r="D18" s="517" t="s">
        <v>316</v>
      </c>
      <c r="E18" s="517"/>
      <c r="F18" s="517"/>
      <c r="G18" s="517"/>
      <c r="H18" s="517"/>
      <c r="I18" s="517"/>
      <c r="J18" s="517"/>
      <c r="K18" s="517"/>
      <c r="L18" s="517"/>
      <c r="M18" s="517"/>
      <c r="N18" s="517"/>
      <c r="O18" s="517"/>
      <c r="P18" s="517"/>
      <c r="Q18" s="517"/>
      <c r="R18" s="517"/>
      <c r="S18" s="518"/>
      <c r="T18" s="33"/>
      <c r="U18" s="3"/>
      <c r="V18" s="13" t="s">
        <v>0</v>
      </c>
      <c r="W18" s="13" t="s">
        <v>114</v>
      </c>
      <c r="X18" s="13" t="s">
        <v>0</v>
      </c>
      <c r="Y18" s="2"/>
    </row>
    <row r="19" spans="2:28" ht="30.75" customHeight="1" x14ac:dyDescent="0.15">
      <c r="B19" s="3"/>
      <c r="C19" s="177" t="s">
        <v>317</v>
      </c>
      <c r="D19" s="514" t="s">
        <v>318</v>
      </c>
      <c r="E19" s="514"/>
      <c r="F19" s="514"/>
      <c r="G19" s="514"/>
      <c r="H19" s="514"/>
      <c r="I19" s="514"/>
      <c r="J19" s="514"/>
      <c r="K19" s="514"/>
      <c r="L19" s="514"/>
      <c r="M19" s="514"/>
      <c r="N19" s="514"/>
      <c r="O19" s="514"/>
      <c r="P19" s="514"/>
      <c r="Q19" s="514"/>
      <c r="R19" s="514"/>
      <c r="S19" s="515"/>
      <c r="T19" s="33"/>
      <c r="U19" s="3"/>
      <c r="V19" s="13" t="s">
        <v>0</v>
      </c>
      <c r="W19" s="13" t="s">
        <v>114</v>
      </c>
      <c r="X19" s="13" t="s">
        <v>0</v>
      </c>
      <c r="Y19" s="2"/>
    </row>
    <row r="20" spans="2:28" ht="25.5" customHeight="1" x14ac:dyDescent="0.15">
      <c r="B20" s="3"/>
      <c r="C20" s="177" t="s">
        <v>319</v>
      </c>
      <c r="D20" s="517" t="s">
        <v>320</v>
      </c>
      <c r="E20" s="517"/>
      <c r="F20" s="517"/>
      <c r="G20" s="517"/>
      <c r="H20" s="517"/>
      <c r="I20" s="517"/>
      <c r="J20" s="517"/>
      <c r="K20" s="517"/>
      <c r="L20" s="517"/>
      <c r="M20" s="517"/>
      <c r="N20" s="517"/>
      <c r="O20" s="517"/>
      <c r="P20" s="517"/>
      <c r="Q20" s="517"/>
      <c r="R20" s="517"/>
      <c r="S20" s="518"/>
      <c r="T20" s="33"/>
      <c r="U20" s="3"/>
      <c r="V20" s="13" t="s">
        <v>0</v>
      </c>
      <c r="W20" s="13" t="s">
        <v>114</v>
      </c>
      <c r="X20" s="13" t="s">
        <v>0</v>
      </c>
      <c r="Y20" s="2"/>
    </row>
    <row r="21" spans="2:28" ht="27.75" customHeight="1" x14ac:dyDescent="0.15">
      <c r="B21" s="3"/>
      <c r="C21" s="397" t="s">
        <v>321</v>
      </c>
      <c r="D21" s="519" t="s">
        <v>322</v>
      </c>
      <c r="E21" s="520"/>
      <c r="F21" s="517" t="s">
        <v>323</v>
      </c>
      <c r="G21" s="517"/>
      <c r="H21" s="517"/>
      <c r="I21" s="517"/>
      <c r="J21" s="517"/>
      <c r="K21" s="517"/>
      <c r="L21" s="517"/>
      <c r="M21" s="517"/>
      <c r="N21" s="517"/>
      <c r="O21" s="517"/>
      <c r="P21" s="517"/>
      <c r="Q21" s="517"/>
      <c r="R21" s="517"/>
      <c r="S21" s="518"/>
      <c r="T21" s="33"/>
      <c r="U21" s="3"/>
      <c r="V21" s="13" t="s">
        <v>0</v>
      </c>
      <c r="W21" s="13" t="s">
        <v>22</v>
      </c>
      <c r="X21" s="13" t="s">
        <v>0</v>
      </c>
      <c r="Y21" s="2"/>
    </row>
    <row r="22" spans="2:28" ht="27.75" customHeight="1" x14ac:dyDescent="0.15">
      <c r="B22" s="3"/>
      <c r="C22" s="400"/>
      <c r="D22" s="521"/>
      <c r="E22" s="522"/>
      <c r="F22" s="517" t="s">
        <v>324</v>
      </c>
      <c r="G22" s="517"/>
      <c r="H22" s="517"/>
      <c r="I22" s="517"/>
      <c r="J22" s="517"/>
      <c r="K22" s="517"/>
      <c r="L22" s="517"/>
      <c r="M22" s="517"/>
      <c r="N22" s="517"/>
      <c r="O22" s="517"/>
      <c r="P22" s="517"/>
      <c r="Q22" s="517"/>
      <c r="R22" s="517"/>
      <c r="S22" s="518"/>
      <c r="T22" s="33"/>
      <c r="U22" s="3"/>
      <c r="V22" s="13"/>
      <c r="W22" s="13"/>
      <c r="X22" s="13"/>
      <c r="Y22" s="2"/>
    </row>
    <row r="23" spans="2:28" ht="27" customHeight="1" x14ac:dyDescent="0.15">
      <c r="B23" s="3"/>
      <c r="C23" s="400"/>
      <c r="D23" s="521"/>
      <c r="E23" s="522"/>
      <c r="F23" s="517" t="s">
        <v>325</v>
      </c>
      <c r="G23" s="517"/>
      <c r="H23" s="517"/>
      <c r="I23" s="517"/>
      <c r="J23" s="517"/>
      <c r="K23" s="517"/>
      <c r="L23" s="517"/>
      <c r="M23" s="517"/>
      <c r="N23" s="517"/>
      <c r="O23" s="517"/>
      <c r="P23" s="517"/>
      <c r="Q23" s="517"/>
      <c r="R23" s="517"/>
      <c r="S23" s="518"/>
      <c r="T23" s="33"/>
      <c r="U23" s="3"/>
      <c r="V23" s="13"/>
      <c r="W23" s="13"/>
      <c r="X23" s="13"/>
      <c r="Y23" s="2"/>
    </row>
    <row r="24" spans="2:28" ht="27.75" customHeight="1" x14ac:dyDescent="0.15">
      <c r="B24" s="3"/>
      <c r="C24" s="403"/>
      <c r="D24" s="523"/>
      <c r="E24" s="524"/>
      <c r="F24" s="517" t="s">
        <v>326</v>
      </c>
      <c r="G24" s="517"/>
      <c r="H24" s="517"/>
      <c r="I24" s="517"/>
      <c r="J24" s="517"/>
      <c r="K24" s="517"/>
      <c r="L24" s="517"/>
      <c r="M24" s="517"/>
      <c r="N24" s="517"/>
      <c r="O24" s="517"/>
      <c r="P24" s="517"/>
      <c r="Q24" s="517"/>
      <c r="R24" s="517"/>
      <c r="S24" s="518"/>
      <c r="T24" s="33"/>
      <c r="U24" s="3"/>
      <c r="V24" s="13"/>
      <c r="W24" s="13"/>
      <c r="X24" s="13"/>
      <c r="Y24" s="2"/>
    </row>
    <row r="25" spans="2:28" ht="6" customHeight="1" x14ac:dyDescent="0.15">
      <c r="B25" s="3"/>
      <c r="C25" s="178"/>
      <c r="D25" s="13"/>
      <c r="E25" s="178"/>
      <c r="G25" s="178"/>
      <c r="H25" s="178"/>
      <c r="I25" s="178"/>
      <c r="J25" s="178"/>
      <c r="K25" s="178"/>
      <c r="L25" s="178"/>
      <c r="M25" s="178"/>
      <c r="N25" s="178"/>
      <c r="O25" s="178"/>
      <c r="P25" s="178"/>
      <c r="Q25" s="178"/>
      <c r="R25" s="178"/>
      <c r="S25" s="178"/>
      <c r="T25" s="33"/>
      <c r="U25" s="3"/>
      <c r="V25" s="40"/>
      <c r="W25" s="13"/>
      <c r="X25" s="40"/>
      <c r="Y25" s="2"/>
    </row>
    <row r="26" spans="2:28" x14ac:dyDescent="0.15">
      <c r="B26" s="3"/>
      <c r="C26" s="32" t="s">
        <v>327</v>
      </c>
      <c r="T26" s="33"/>
      <c r="U26" s="3"/>
      <c r="Y26" s="33"/>
      <c r="Z26"/>
      <c r="AA26"/>
      <c r="AB26"/>
    </row>
    <row r="27" spans="2:28" ht="5.25" customHeight="1" x14ac:dyDescent="0.15">
      <c r="B27" s="3"/>
      <c r="T27" s="33"/>
      <c r="U27" s="3"/>
      <c r="Y27" s="33"/>
      <c r="Z27"/>
      <c r="AA27"/>
      <c r="AB27"/>
    </row>
    <row r="28" spans="2:28" ht="35.25" customHeight="1" x14ac:dyDescent="0.15">
      <c r="B28" s="3"/>
      <c r="C28" s="177" t="s">
        <v>328</v>
      </c>
      <c r="D28" s="517" t="s">
        <v>329</v>
      </c>
      <c r="E28" s="517"/>
      <c r="F28" s="517"/>
      <c r="G28" s="517"/>
      <c r="H28" s="517"/>
      <c r="I28" s="517"/>
      <c r="J28" s="517"/>
      <c r="K28" s="517"/>
      <c r="L28" s="517"/>
      <c r="M28" s="517"/>
      <c r="N28" s="517"/>
      <c r="O28" s="517"/>
      <c r="P28" s="517"/>
      <c r="Q28" s="517"/>
      <c r="R28" s="517"/>
      <c r="S28" s="518"/>
      <c r="T28" s="33"/>
      <c r="U28" s="3"/>
      <c r="V28" s="13" t="s">
        <v>0</v>
      </c>
      <c r="W28" s="13" t="s">
        <v>114</v>
      </c>
      <c r="X28" s="13" t="s">
        <v>0</v>
      </c>
      <c r="Y28" s="2"/>
    </row>
    <row r="29" spans="2:28" ht="25.5" customHeight="1" x14ac:dyDescent="0.15">
      <c r="B29" s="3"/>
      <c r="C29" s="177" t="s">
        <v>315</v>
      </c>
      <c r="D29" s="517" t="s">
        <v>330</v>
      </c>
      <c r="E29" s="517"/>
      <c r="F29" s="517"/>
      <c r="G29" s="517"/>
      <c r="H29" s="517"/>
      <c r="I29" s="517"/>
      <c r="J29" s="517"/>
      <c r="K29" s="517"/>
      <c r="L29" s="517"/>
      <c r="M29" s="517"/>
      <c r="N29" s="517"/>
      <c r="O29" s="517"/>
      <c r="P29" s="517"/>
      <c r="Q29" s="517"/>
      <c r="R29" s="517"/>
      <c r="S29" s="518"/>
      <c r="T29" s="33"/>
      <c r="U29" s="3"/>
      <c r="V29" s="13" t="s">
        <v>0</v>
      </c>
      <c r="W29" s="13" t="s">
        <v>114</v>
      </c>
      <c r="X29" s="13" t="s">
        <v>0</v>
      </c>
      <c r="Y29" s="2"/>
    </row>
    <row r="30" spans="2:28" ht="22.5" customHeight="1" x14ac:dyDescent="0.15">
      <c r="B30" s="3"/>
      <c r="C30" s="177" t="s">
        <v>331</v>
      </c>
      <c r="D30" s="514" t="s">
        <v>318</v>
      </c>
      <c r="E30" s="514"/>
      <c r="F30" s="514"/>
      <c r="G30" s="514"/>
      <c r="H30" s="514"/>
      <c r="I30" s="514"/>
      <c r="J30" s="514"/>
      <c r="K30" s="514"/>
      <c r="L30" s="514"/>
      <c r="M30" s="514"/>
      <c r="N30" s="514"/>
      <c r="O30" s="514"/>
      <c r="P30" s="514"/>
      <c r="Q30" s="514"/>
      <c r="R30" s="514"/>
      <c r="S30" s="515"/>
      <c r="T30" s="33"/>
      <c r="U30" s="3"/>
      <c r="V30" s="13" t="s">
        <v>0</v>
      </c>
      <c r="W30" s="13" t="s">
        <v>114</v>
      </c>
      <c r="X30" s="13" t="s">
        <v>0</v>
      </c>
      <c r="Y30" s="2"/>
    </row>
    <row r="31" spans="2:28" ht="24" customHeight="1" x14ac:dyDescent="0.15">
      <c r="B31" s="3"/>
      <c r="C31" s="177" t="s">
        <v>319</v>
      </c>
      <c r="D31" s="517" t="s">
        <v>332</v>
      </c>
      <c r="E31" s="517"/>
      <c r="F31" s="517"/>
      <c r="G31" s="517"/>
      <c r="H31" s="517"/>
      <c r="I31" s="517"/>
      <c r="J31" s="517"/>
      <c r="K31" s="517"/>
      <c r="L31" s="517"/>
      <c r="M31" s="517"/>
      <c r="N31" s="517"/>
      <c r="O31" s="517"/>
      <c r="P31" s="517"/>
      <c r="Q31" s="517"/>
      <c r="R31" s="517"/>
      <c r="S31" s="518"/>
      <c r="T31" s="33"/>
      <c r="U31" s="3"/>
      <c r="V31" s="13" t="s">
        <v>0</v>
      </c>
      <c r="W31" s="13" t="s">
        <v>114</v>
      </c>
      <c r="X31" s="13" t="s">
        <v>0</v>
      </c>
      <c r="Y31" s="2"/>
    </row>
    <row r="32" spans="2:28" ht="24" customHeight="1" x14ac:dyDescent="0.15">
      <c r="B32" s="3"/>
      <c r="C32" s="397" t="s">
        <v>321</v>
      </c>
      <c r="D32" s="519" t="s">
        <v>333</v>
      </c>
      <c r="E32" s="520"/>
      <c r="F32" s="517" t="s">
        <v>334</v>
      </c>
      <c r="G32" s="517"/>
      <c r="H32" s="517"/>
      <c r="I32" s="517"/>
      <c r="J32" s="517"/>
      <c r="K32" s="517"/>
      <c r="L32" s="517"/>
      <c r="M32" s="517"/>
      <c r="N32" s="517"/>
      <c r="O32" s="517"/>
      <c r="P32" s="517"/>
      <c r="Q32" s="517"/>
      <c r="R32" s="517"/>
      <c r="S32" s="518"/>
      <c r="T32" s="33"/>
      <c r="U32" s="3"/>
      <c r="V32" s="13" t="s">
        <v>0</v>
      </c>
      <c r="W32" s="13" t="s">
        <v>114</v>
      </c>
      <c r="X32" s="13" t="s">
        <v>0</v>
      </c>
      <c r="Y32" s="2"/>
    </row>
    <row r="33" spans="2:28" ht="23.25" customHeight="1" x14ac:dyDescent="0.15">
      <c r="B33" s="3"/>
      <c r="C33" s="400"/>
      <c r="D33" s="521"/>
      <c r="E33" s="522"/>
      <c r="F33" s="517" t="s">
        <v>335</v>
      </c>
      <c r="G33" s="517"/>
      <c r="H33" s="517"/>
      <c r="I33" s="517"/>
      <c r="J33" s="517"/>
      <c r="K33" s="517"/>
      <c r="L33" s="517"/>
      <c r="M33" s="517"/>
      <c r="N33" s="517"/>
      <c r="O33" s="517"/>
      <c r="P33" s="517"/>
      <c r="Q33" s="517"/>
      <c r="R33" s="517"/>
      <c r="S33" s="518"/>
      <c r="T33" s="33"/>
      <c r="U33" s="3"/>
      <c r="V33" s="13"/>
      <c r="W33" s="13"/>
      <c r="X33" s="13"/>
      <c r="Y33" s="2"/>
    </row>
    <row r="34" spans="2:28" ht="22.5" customHeight="1" x14ac:dyDescent="0.15">
      <c r="B34" s="3"/>
      <c r="C34" s="400"/>
      <c r="D34" s="521"/>
      <c r="E34" s="522"/>
      <c r="F34" s="517" t="s">
        <v>324</v>
      </c>
      <c r="G34" s="517"/>
      <c r="H34" s="517"/>
      <c r="I34" s="517"/>
      <c r="J34" s="517"/>
      <c r="K34" s="517"/>
      <c r="L34" s="517"/>
      <c r="M34" s="517"/>
      <c r="N34" s="517"/>
      <c r="O34" s="517"/>
      <c r="P34" s="517"/>
      <c r="Q34" s="517"/>
      <c r="R34" s="517"/>
      <c r="S34" s="518"/>
      <c r="T34" s="33"/>
      <c r="U34" s="3"/>
      <c r="V34" s="13"/>
      <c r="W34" s="13"/>
      <c r="X34" s="13"/>
      <c r="Y34" s="2"/>
    </row>
    <row r="35" spans="2:28" ht="24.75" customHeight="1" x14ac:dyDescent="0.15">
      <c r="B35" s="3"/>
      <c r="C35" s="403"/>
      <c r="D35" s="523"/>
      <c r="E35" s="524"/>
      <c r="F35" s="517" t="s">
        <v>336</v>
      </c>
      <c r="G35" s="517"/>
      <c r="H35" s="517"/>
      <c r="I35" s="517"/>
      <c r="J35" s="517"/>
      <c r="K35" s="517"/>
      <c r="L35" s="517"/>
      <c r="M35" s="517"/>
      <c r="N35" s="517"/>
      <c r="O35" s="517"/>
      <c r="P35" s="517"/>
      <c r="Q35" s="517"/>
      <c r="R35" s="517"/>
      <c r="S35" s="518"/>
      <c r="T35" s="33"/>
      <c r="U35" s="3"/>
      <c r="V35" s="13"/>
      <c r="W35" s="13"/>
      <c r="X35" s="13"/>
      <c r="Y35" s="2"/>
    </row>
    <row r="36" spans="2:28" ht="5.25" customHeight="1" x14ac:dyDescent="0.15">
      <c r="B36" s="3"/>
      <c r="C36" s="179"/>
      <c r="D36" s="13"/>
      <c r="E36" s="178"/>
      <c r="G36" s="178"/>
      <c r="H36" s="178"/>
      <c r="I36" s="178"/>
      <c r="J36" s="178"/>
      <c r="K36" s="178"/>
      <c r="L36" s="178"/>
      <c r="M36" s="178"/>
      <c r="N36" s="178"/>
      <c r="O36" s="178"/>
      <c r="P36" s="178"/>
      <c r="Q36" s="178"/>
      <c r="R36" s="178"/>
      <c r="S36" s="178"/>
      <c r="T36" s="33"/>
      <c r="U36" s="3"/>
      <c r="V36" s="4"/>
      <c r="W36" s="4"/>
      <c r="X36" s="4"/>
      <c r="Y36" s="2"/>
    </row>
    <row r="37" spans="2:28" x14ac:dyDescent="0.15">
      <c r="B37" s="3"/>
      <c r="C37" s="32" t="s">
        <v>337</v>
      </c>
      <c r="T37" s="33"/>
      <c r="U37" s="3"/>
      <c r="Y37" s="33"/>
      <c r="Z37"/>
      <c r="AA37"/>
      <c r="AB37"/>
    </row>
    <row r="38" spans="2:28" ht="5.25" customHeight="1" x14ac:dyDescent="0.15">
      <c r="B38" s="3"/>
      <c r="C38" s="6"/>
      <c r="D38" s="6"/>
      <c r="E38" s="6"/>
      <c r="F38" s="6"/>
      <c r="G38" s="6"/>
      <c r="H38" s="6"/>
      <c r="I38" s="6"/>
      <c r="J38" s="6"/>
      <c r="K38" s="6"/>
      <c r="L38" s="6"/>
      <c r="M38" s="6"/>
      <c r="N38" s="6"/>
      <c r="O38" s="6"/>
      <c r="P38" s="6"/>
      <c r="Q38" s="6"/>
      <c r="R38" s="6"/>
      <c r="S38" s="6"/>
      <c r="T38" s="33"/>
      <c r="U38" s="3"/>
      <c r="Y38" s="33"/>
      <c r="Z38"/>
      <c r="AA38"/>
      <c r="AB38"/>
    </row>
    <row r="39" spans="2:28" ht="37.5" customHeight="1" x14ac:dyDescent="0.15">
      <c r="B39" s="3"/>
      <c r="C39" s="180" t="s">
        <v>338</v>
      </c>
      <c r="D39" s="525" t="s">
        <v>339</v>
      </c>
      <c r="E39" s="525"/>
      <c r="F39" s="525"/>
      <c r="G39" s="525"/>
      <c r="H39" s="525"/>
      <c r="I39" s="525"/>
      <c r="J39" s="525"/>
      <c r="K39" s="525"/>
      <c r="L39" s="525"/>
      <c r="M39" s="525"/>
      <c r="N39" s="525"/>
      <c r="O39" s="525"/>
      <c r="P39" s="525"/>
      <c r="Q39" s="525"/>
      <c r="R39" s="525"/>
      <c r="S39" s="526"/>
      <c r="T39" s="33"/>
      <c r="U39" s="3"/>
      <c r="V39" s="13" t="s">
        <v>0</v>
      </c>
      <c r="W39" s="13" t="s">
        <v>114</v>
      </c>
      <c r="X39" s="13" t="s">
        <v>0</v>
      </c>
      <c r="Y39" s="2"/>
    </row>
    <row r="40" spans="2:28" ht="37.5" customHeight="1" x14ac:dyDescent="0.15">
      <c r="B40" s="3"/>
      <c r="C40" s="177" t="s">
        <v>315</v>
      </c>
      <c r="D40" s="517" t="s">
        <v>340</v>
      </c>
      <c r="E40" s="517"/>
      <c r="F40" s="517"/>
      <c r="G40" s="517"/>
      <c r="H40" s="517"/>
      <c r="I40" s="517"/>
      <c r="J40" s="517"/>
      <c r="K40" s="517"/>
      <c r="L40" s="517"/>
      <c r="M40" s="517"/>
      <c r="N40" s="517"/>
      <c r="O40" s="517"/>
      <c r="P40" s="517"/>
      <c r="Q40" s="517"/>
      <c r="R40" s="517"/>
      <c r="S40" s="518"/>
      <c r="T40" s="33"/>
      <c r="U40" s="3"/>
      <c r="V40" s="13" t="s">
        <v>0</v>
      </c>
      <c r="W40" s="13" t="s">
        <v>22</v>
      </c>
      <c r="X40" s="13" t="s">
        <v>0</v>
      </c>
      <c r="Y40" s="2"/>
    </row>
    <row r="41" spans="2:28" ht="29.25" customHeight="1" x14ac:dyDescent="0.15">
      <c r="B41" s="3"/>
      <c r="C41" s="177" t="s">
        <v>317</v>
      </c>
      <c r="D41" s="517" t="s">
        <v>330</v>
      </c>
      <c r="E41" s="517"/>
      <c r="F41" s="517"/>
      <c r="G41" s="517"/>
      <c r="H41" s="517"/>
      <c r="I41" s="517"/>
      <c r="J41" s="517"/>
      <c r="K41" s="517"/>
      <c r="L41" s="517"/>
      <c r="M41" s="517"/>
      <c r="N41" s="517"/>
      <c r="O41" s="517"/>
      <c r="P41" s="517"/>
      <c r="Q41" s="517"/>
      <c r="R41" s="517"/>
      <c r="S41" s="518"/>
      <c r="T41" s="33"/>
      <c r="U41" s="3"/>
      <c r="V41" s="13" t="s">
        <v>0</v>
      </c>
      <c r="W41" s="13" t="s">
        <v>114</v>
      </c>
      <c r="X41" s="13" t="s">
        <v>0</v>
      </c>
      <c r="Y41" s="2"/>
    </row>
    <row r="42" spans="2:28" ht="18" customHeight="1" x14ac:dyDescent="0.15">
      <c r="B42" s="3"/>
      <c r="C42" s="177" t="s">
        <v>319</v>
      </c>
      <c r="D42" s="514" t="s">
        <v>341</v>
      </c>
      <c r="E42" s="514"/>
      <c r="F42" s="514"/>
      <c r="G42" s="514"/>
      <c r="H42" s="514"/>
      <c r="I42" s="514"/>
      <c r="J42" s="514"/>
      <c r="K42" s="514"/>
      <c r="L42" s="514"/>
      <c r="M42" s="514"/>
      <c r="N42" s="514"/>
      <c r="O42" s="514"/>
      <c r="P42" s="514"/>
      <c r="Q42" s="514"/>
      <c r="R42" s="514"/>
      <c r="S42" s="515"/>
      <c r="T42" s="33"/>
      <c r="U42" s="3"/>
      <c r="V42" s="13" t="s">
        <v>0</v>
      </c>
      <c r="W42" s="13" t="s">
        <v>114</v>
      </c>
      <c r="X42" s="13" t="s">
        <v>0</v>
      </c>
      <c r="Y42" s="2"/>
    </row>
    <row r="43" spans="2:28" ht="27.75" customHeight="1" x14ac:dyDescent="0.15">
      <c r="B43" s="3"/>
      <c r="C43" s="177" t="s">
        <v>321</v>
      </c>
      <c r="D43" s="517" t="s">
        <v>332</v>
      </c>
      <c r="E43" s="517"/>
      <c r="F43" s="517"/>
      <c r="G43" s="517"/>
      <c r="H43" s="517"/>
      <c r="I43" s="517"/>
      <c r="J43" s="517"/>
      <c r="K43" s="517"/>
      <c r="L43" s="517"/>
      <c r="M43" s="517"/>
      <c r="N43" s="517"/>
      <c r="O43" s="517"/>
      <c r="P43" s="517"/>
      <c r="Q43" s="517"/>
      <c r="R43" s="517"/>
      <c r="S43" s="518"/>
      <c r="T43" s="33"/>
      <c r="U43" s="3"/>
      <c r="V43" s="13" t="s">
        <v>0</v>
      </c>
      <c r="W43" s="13" t="s">
        <v>114</v>
      </c>
      <c r="X43" s="13" t="s">
        <v>0</v>
      </c>
      <c r="Y43" s="2"/>
    </row>
    <row r="44" spans="2:28" ht="24" customHeight="1" x14ac:dyDescent="0.15">
      <c r="B44" s="3"/>
      <c r="C44" s="397" t="s">
        <v>342</v>
      </c>
      <c r="D44" s="519" t="s">
        <v>333</v>
      </c>
      <c r="E44" s="520"/>
      <c r="F44" s="517" t="s">
        <v>334</v>
      </c>
      <c r="G44" s="517"/>
      <c r="H44" s="517"/>
      <c r="I44" s="517"/>
      <c r="J44" s="517"/>
      <c r="K44" s="517"/>
      <c r="L44" s="517"/>
      <c r="M44" s="517"/>
      <c r="N44" s="517"/>
      <c r="O44" s="517"/>
      <c r="P44" s="517"/>
      <c r="Q44" s="517"/>
      <c r="R44" s="517"/>
      <c r="S44" s="518"/>
      <c r="T44" s="33"/>
      <c r="U44" s="3"/>
      <c r="V44" s="13" t="s">
        <v>0</v>
      </c>
      <c r="W44" s="13" t="s">
        <v>114</v>
      </c>
      <c r="X44" s="13" t="s">
        <v>0</v>
      </c>
      <c r="Y44" s="2"/>
    </row>
    <row r="45" spans="2:28" ht="26.25" customHeight="1" x14ac:dyDescent="0.15">
      <c r="B45" s="3"/>
      <c r="C45" s="400"/>
      <c r="D45" s="521"/>
      <c r="E45" s="522"/>
      <c r="F45" s="517" t="s">
        <v>335</v>
      </c>
      <c r="G45" s="517"/>
      <c r="H45" s="517"/>
      <c r="I45" s="517"/>
      <c r="J45" s="517"/>
      <c r="K45" s="517"/>
      <c r="L45" s="517"/>
      <c r="M45" s="517"/>
      <c r="N45" s="517"/>
      <c r="O45" s="517"/>
      <c r="P45" s="517"/>
      <c r="Q45" s="517"/>
      <c r="R45" s="517"/>
      <c r="S45" s="518"/>
      <c r="T45" s="33"/>
      <c r="U45" s="3"/>
      <c r="V45" s="13"/>
      <c r="W45" s="13"/>
      <c r="X45" s="13"/>
      <c r="Y45" s="2"/>
    </row>
    <row r="46" spans="2:28" ht="18.75" customHeight="1" x14ac:dyDescent="0.15">
      <c r="B46" s="3"/>
      <c r="C46" s="400"/>
      <c r="D46" s="521"/>
      <c r="E46" s="522"/>
      <c r="F46" s="517" t="s">
        <v>343</v>
      </c>
      <c r="G46" s="517"/>
      <c r="H46" s="517"/>
      <c r="I46" s="517"/>
      <c r="J46" s="517"/>
      <c r="K46" s="517"/>
      <c r="L46" s="517"/>
      <c r="M46" s="517"/>
      <c r="N46" s="517"/>
      <c r="O46" s="517"/>
      <c r="P46" s="517"/>
      <c r="Q46" s="517"/>
      <c r="R46" s="517"/>
      <c r="S46" s="518"/>
      <c r="T46" s="33"/>
      <c r="U46" s="3"/>
      <c r="V46" s="13"/>
      <c r="W46" s="13"/>
      <c r="X46" s="13"/>
      <c r="Y46" s="2"/>
    </row>
    <row r="47" spans="2:28" ht="25.5" customHeight="1" x14ac:dyDescent="0.15">
      <c r="B47" s="3"/>
      <c r="C47" s="403"/>
      <c r="D47" s="523"/>
      <c r="E47" s="524"/>
      <c r="F47" s="517" t="s">
        <v>336</v>
      </c>
      <c r="G47" s="517"/>
      <c r="H47" s="517"/>
      <c r="I47" s="517"/>
      <c r="J47" s="517"/>
      <c r="K47" s="517"/>
      <c r="L47" s="517"/>
      <c r="M47" s="517"/>
      <c r="N47" s="517"/>
      <c r="O47" s="517"/>
      <c r="P47" s="517"/>
      <c r="Q47" s="517"/>
      <c r="R47" s="517"/>
      <c r="S47" s="518"/>
      <c r="T47" s="33"/>
      <c r="U47" s="3"/>
      <c r="V47" s="13"/>
      <c r="W47" s="13"/>
      <c r="X47" s="13"/>
      <c r="Y47" s="2"/>
    </row>
    <row r="48" spans="2:28" x14ac:dyDescent="0.15">
      <c r="B48" s="1"/>
      <c r="C48" s="6"/>
      <c r="D48" s="6"/>
      <c r="E48" s="6"/>
      <c r="F48" s="6"/>
      <c r="G48" s="6"/>
      <c r="H48" s="6"/>
      <c r="I48" s="6"/>
      <c r="J48" s="6"/>
      <c r="K48" s="6"/>
      <c r="L48" s="6"/>
      <c r="M48" s="6"/>
      <c r="N48" s="6"/>
      <c r="O48" s="6"/>
      <c r="P48" s="6"/>
      <c r="Q48" s="6"/>
      <c r="R48" s="6"/>
      <c r="S48" s="6"/>
      <c r="T48" s="5"/>
      <c r="U48" s="1"/>
      <c r="V48" s="6"/>
      <c r="W48" s="6"/>
      <c r="X48" s="6"/>
      <c r="Y48" s="5"/>
    </row>
    <row r="49" spans="2:28" ht="4.5" customHeight="1" x14ac:dyDescent="0.15">
      <c r="Z49"/>
      <c r="AA49"/>
      <c r="AB49"/>
    </row>
    <row r="50" spans="2:28" x14ac:dyDescent="0.15">
      <c r="B50" s="32" t="s">
        <v>344</v>
      </c>
      <c r="Z50"/>
      <c r="AA50"/>
      <c r="AB50"/>
    </row>
    <row r="51" spans="2:28" ht="24" customHeight="1" x14ac:dyDescent="0.15">
      <c r="B51" s="28"/>
      <c r="C51" s="527" t="s">
        <v>345</v>
      </c>
      <c r="D51" s="527"/>
      <c r="E51" s="527"/>
      <c r="F51" s="527"/>
      <c r="G51" s="527"/>
      <c r="H51" s="527"/>
      <c r="I51" s="527"/>
      <c r="J51" s="527"/>
      <c r="K51" s="527"/>
      <c r="L51" s="527"/>
      <c r="M51" s="527"/>
      <c r="N51" s="527"/>
      <c r="O51" s="527"/>
      <c r="P51" s="527"/>
      <c r="Q51" s="527"/>
      <c r="R51" s="527"/>
      <c r="S51" s="527"/>
      <c r="T51" s="30"/>
      <c r="U51" s="29"/>
      <c r="V51" s="176" t="s">
        <v>20</v>
      </c>
      <c r="W51" s="176" t="s">
        <v>110</v>
      </c>
      <c r="X51" s="176" t="s">
        <v>21</v>
      </c>
      <c r="Y51" s="30"/>
      <c r="Z51"/>
      <c r="AA51"/>
      <c r="AB51"/>
    </row>
    <row r="52" spans="2:28" ht="5.25" customHeight="1" x14ac:dyDescent="0.15">
      <c r="B52" s="3"/>
      <c r="C52" s="181"/>
      <c r="D52" s="181"/>
      <c r="E52" s="181"/>
      <c r="F52" s="181"/>
      <c r="G52" s="181"/>
      <c r="H52" s="181"/>
      <c r="I52" s="181"/>
      <c r="J52" s="181"/>
      <c r="K52" s="181"/>
      <c r="L52" s="181"/>
      <c r="M52" s="181"/>
      <c r="N52" s="181"/>
      <c r="O52" s="181"/>
      <c r="P52" s="181"/>
      <c r="Q52" s="181"/>
      <c r="R52" s="181"/>
      <c r="S52" s="181"/>
      <c r="T52" s="33"/>
      <c r="V52" s="31"/>
      <c r="W52" s="31"/>
      <c r="X52" s="31"/>
      <c r="Y52" s="33"/>
      <c r="Z52"/>
      <c r="AA52"/>
      <c r="AB52"/>
    </row>
    <row r="53" spans="2:28" ht="21" customHeight="1" x14ac:dyDescent="0.15">
      <c r="B53" s="3"/>
      <c r="C53" s="177" t="s">
        <v>346</v>
      </c>
      <c r="D53" s="517" t="s">
        <v>347</v>
      </c>
      <c r="E53" s="517"/>
      <c r="F53" s="517"/>
      <c r="G53" s="517"/>
      <c r="H53" s="517"/>
      <c r="I53" s="517"/>
      <c r="J53" s="517"/>
      <c r="K53" s="517"/>
      <c r="L53" s="517"/>
      <c r="M53" s="517"/>
      <c r="N53" s="517"/>
      <c r="O53" s="517"/>
      <c r="P53" s="517"/>
      <c r="Q53" s="517"/>
      <c r="R53" s="517"/>
      <c r="S53" s="518"/>
      <c r="T53" s="33"/>
      <c r="V53" s="13" t="s">
        <v>0</v>
      </c>
      <c r="W53" s="13" t="s">
        <v>114</v>
      </c>
      <c r="X53" s="13" t="s">
        <v>0</v>
      </c>
      <c r="Y53" s="33"/>
      <c r="Z53"/>
      <c r="AA53"/>
      <c r="AB53"/>
    </row>
    <row r="54" spans="2:28" ht="5.25" customHeight="1" x14ac:dyDescent="0.15">
      <c r="B54" s="3"/>
      <c r="D54" s="182"/>
      <c r="T54" s="33"/>
      <c r="V54" s="13"/>
      <c r="W54" s="13"/>
      <c r="X54" s="13"/>
      <c r="Y54" s="33"/>
      <c r="Z54"/>
      <c r="AA54"/>
      <c r="AB54"/>
    </row>
    <row r="55" spans="2:28" ht="24.75" customHeight="1" x14ac:dyDescent="0.15">
      <c r="B55" s="3"/>
      <c r="C55" s="528" t="s">
        <v>348</v>
      </c>
      <c r="D55" s="528"/>
      <c r="E55" s="528"/>
      <c r="F55" s="528"/>
      <c r="G55" s="528"/>
      <c r="H55" s="528"/>
      <c r="I55" s="528"/>
      <c r="J55" s="528"/>
      <c r="K55" s="528"/>
      <c r="L55" s="528"/>
      <c r="M55" s="528"/>
      <c r="N55" s="528"/>
      <c r="O55" s="528"/>
      <c r="P55" s="528"/>
      <c r="Q55" s="528"/>
      <c r="R55" s="528"/>
      <c r="S55" s="528"/>
      <c r="T55" s="33"/>
      <c r="V55" s="40"/>
      <c r="W55" s="13"/>
      <c r="X55" s="40"/>
      <c r="Y55" s="2"/>
    </row>
    <row r="56" spans="2:28" ht="6" customHeight="1" x14ac:dyDescent="0.15">
      <c r="B56" s="3"/>
      <c r="C56" s="181"/>
      <c r="D56" s="181"/>
      <c r="E56" s="181"/>
      <c r="F56" s="181"/>
      <c r="G56" s="181"/>
      <c r="H56" s="181"/>
      <c r="I56" s="181"/>
      <c r="J56" s="181"/>
      <c r="K56" s="181"/>
      <c r="L56" s="181"/>
      <c r="M56" s="181"/>
      <c r="N56" s="181"/>
      <c r="O56" s="181"/>
      <c r="P56" s="181"/>
      <c r="Q56" s="181"/>
      <c r="R56" s="181"/>
      <c r="S56" s="181"/>
      <c r="T56" s="33"/>
      <c r="V56" s="40"/>
      <c r="W56" s="13"/>
      <c r="X56" s="40"/>
      <c r="Y56" s="2"/>
    </row>
    <row r="57" spans="2:28" ht="22.5" customHeight="1" x14ac:dyDescent="0.15">
      <c r="B57" s="3"/>
      <c r="C57" s="177" t="s">
        <v>346</v>
      </c>
      <c r="D57" s="517" t="s">
        <v>349</v>
      </c>
      <c r="E57" s="517"/>
      <c r="F57" s="517"/>
      <c r="G57" s="517"/>
      <c r="H57" s="517"/>
      <c r="I57" s="517"/>
      <c r="J57" s="517"/>
      <c r="K57" s="517"/>
      <c r="L57" s="517"/>
      <c r="M57" s="517"/>
      <c r="N57" s="517"/>
      <c r="O57" s="517"/>
      <c r="P57" s="517"/>
      <c r="Q57" s="517"/>
      <c r="R57" s="517"/>
      <c r="S57" s="518"/>
      <c r="T57" s="33"/>
      <c r="V57" s="13" t="s">
        <v>0</v>
      </c>
      <c r="W57" s="13" t="s">
        <v>114</v>
      </c>
      <c r="X57" s="13" t="s">
        <v>0</v>
      </c>
      <c r="Y57" s="2"/>
    </row>
    <row r="58" spans="2:28" ht="5.25" customHeight="1" x14ac:dyDescent="0.15">
      <c r="B58" s="1"/>
      <c r="C58" s="6"/>
      <c r="D58" s="6"/>
      <c r="E58" s="6"/>
      <c r="F58" s="6"/>
      <c r="G58" s="6"/>
      <c r="H58" s="6"/>
      <c r="I58" s="6"/>
      <c r="J58" s="6"/>
      <c r="K58" s="6"/>
      <c r="L58" s="6"/>
      <c r="M58" s="6"/>
      <c r="N58" s="6"/>
      <c r="O58" s="6"/>
      <c r="P58" s="6"/>
      <c r="Q58" s="6"/>
      <c r="R58" s="6"/>
      <c r="S58" s="6"/>
      <c r="T58" s="5"/>
      <c r="U58" s="6"/>
      <c r="V58" s="6"/>
      <c r="W58" s="6"/>
      <c r="X58" s="6"/>
      <c r="Y58" s="5"/>
    </row>
    <row r="59" spans="2:28" x14ac:dyDescent="0.15">
      <c r="B59" s="32" t="s">
        <v>350</v>
      </c>
    </row>
    <row r="60" spans="2:28" x14ac:dyDescent="0.15">
      <c r="B60" s="32" t="s">
        <v>23</v>
      </c>
      <c r="K60"/>
      <c r="L60"/>
      <c r="M60"/>
      <c r="N60"/>
      <c r="O60"/>
      <c r="P60"/>
      <c r="Q60"/>
      <c r="R60"/>
      <c r="S60"/>
      <c r="T60"/>
      <c r="U60"/>
      <c r="V60"/>
      <c r="W60"/>
      <c r="X60"/>
      <c r="Y60"/>
      <c r="Z60"/>
      <c r="AA60"/>
      <c r="AB60"/>
    </row>
    <row r="122" spans="3:7" x14ac:dyDescent="0.15">
      <c r="C122" s="6"/>
      <c r="D122" s="6"/>
      <c r="E122" s="6"/>
      <c r="F122" s="6"/>
      <c r="G122" s="6"/>
    </row>
    <row r="123" spans="3:7" x14ac:dyDescent="0.15">
      <c r="C123" s="29"/>
    </row>
  </sheetData>
  <mergeCells count="46">
    <mergeCell ref="F47:S47"/>
    <mergeCell ref="C51:S51"/>
    <mergeCell ref="D53:S53"/>
    <mergeCell ref="C55:S55"/>
    <mergeCell ref="D57:S57"/>
    <mergeCell ref="C44:C47"/>
    <mergeCell ref="D44:E47"/>
    <mergeCell ref="F44:S44"/>
    <mergeCell ref="F45:S45"/>
    <mergeCell ref="F46:S46"/>
    <mergeCell ref="D39:S39"/>
    <mergeCell ref="D40:S40"/>
    <mergeCell ref="D41:S41"/>
    <mergeCell ref="D42:S42"/>
    <mergeCell ref="D43:S43"/>
    <mergeCell ref="D28:S28"/>
    <mergeCell ref="D29:S29"/>
    <mergeCell ref="D30:S30"/>
    <mergeCell ref="D31:S31"/>
    <mergeCell ref="C32:C35"/>
    <mergeCell ref="D32:E35"/>
    <mergeCell ref="F32:S32"/>
    <mergeCell ref="F33:S33"/>
    <mergeCell ref="F34:S34"/>
    <mergeCell ref="F35:S35"/>
    <mergeCell ref="D20:S20"/>
    <mergeCell ref="C21:C24"/>
    <mergeCell ref="D21:E24"/>
    <mergeCell ref="F21:S21"/>
    <mergeCell ref="F22:S22"/>
    <mergeCell ref="F23:S23"/>
    <mergeCell ref="F24:S24"/>
    <mergeCell ref="D19:S19"/>
    <mergeCell ref="B4:Y4"/>
    <mergeCell ref="B6:F6"/>
    <mergeCell ref="G6:Y6"/>
    <mergeCell ref="B7:F7"/>
    <mergeCell ref="B8:F10"/>
    <mergeCell ref="H8:Y8"/>
    <mergeCell ref="H9:Y9"/>
    <mergeCell ref="H10:Y10"/>
    <mergeCell ref="B11:F12"/>
    <mergeCell ref="H11:Y11"/>
    <mergeCell ref="H12:Y12"/>
    <mergeCell ref="D17:S17"/>
    <mergeCell ref="D18:S18"/>
  </mergeCells>
  <phoneticPr fontId="3"/>
  <dataValidations count="1">
    <dataValidation type="list" allowBlank="1" showInputMessage="1" showErrorMessage="1" sqref="L7 Q7 G7:G12 X57 V57 X17:X24 X28:X35 V17:V24 V28:V35 V39:V47 X39:X47 V53:V54 X53:X54">
      <formula1>"□,■"</formula1>
    </dataValidation>
  </dataValidations>
  <pageMargins left="0.7" right="0.7" top="0.75" bottom="0.75" header="0.3" footer="0.3"/>
  <pageSetup paperSize="9" scale="7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1"/>
  <sheetViews>
    <sheetView topLeftCell="A13" zoomScaleNormal="100" workbookViewId="0">
      <selection activeCell="D35" sqref="D35:W36"/>
    </sheetView>
  </sheetViews>
  <sheetFormatPr defaultColWidth="4" defaultRowHeight="13.5" x14ac:dyDescent="0.15"/>
  <cols>
    <col min="1" max="1" width="2.875" style="32" customWidth="1"/>
    <col min="2" max="2" width="2.375" style="32" customWidth="1"/>
    <col min="3" max="3" width="3.5" style="32" customWidth="1"/>
    <col min="4" max="10" width="3.625" style="32" customWidth="1"/>
    <col min="11" max="11" width="4.875" style="32" customWidth="1"/>
    <col min="12" max="15" width="3.625" style="32" customWidth="1"/>
    <col min="16" max="16" width="1.5" style="32" customWidth="1"/>
    <col min="17" max="18" width="3.625" style="32" customWidth="1"/>
    <col min="19" max="19" width="2.75" style="32" customWidth="1"/>
    <col min="20" max="28" width="3.625" style="32" customWidth="1"/>
    <col min="29" max="29" width="2.5" style="32" customWidth="1"/>
    <col min="30" max="30" width="1.875" style="32" customWidth="1"/>
    <col min="31" max="16384" width="4" style="32"/>
  </cols>
  <sheetData>
    <row r="2" spans="2:29" x14ac:dyDescent="0.15">
      <c r="B2" s="32" t="s">
        <v>104</v>
      </c>
      <c r="C2"/>
      <c r="D2"/>
      <c r="E2"/>
      <c r="F2"/>
      <c r="G2"/>
      <c r="H2"/>
      <c r="I2"/>
      <c r="J2"/>
      <c r="K2"/>
      <c r="L2"/>
      <c r="M2"/>
      <c r="N2"/>
      <c r="O2"/>
      <c r="P2"/>
      <c r="Q2"/>
      <c r="R2"/>
      <c r="S2"/>
      <c r="T2"/>
      <c r="U2"/>
      <c r="V2"/>
      <c r="W2"/>
      <c r="X2"/>
      <c r="Y2"/>
      <c r="Z2"/>
    </row>
    <row r="3" spans="2:29" x14ac:dyDescent="0.15">
      <c r="AA3" s="12"/>
      <c r="AB3" s="13"/>
      <c r="AC3" s="12"/>
    </row>
    <row r="4" spans="2:29" ht="34.5" customHeight="1" x14ac:dyDescent="0.15">
      <c r="B4" s="529" t="s">
        <v>105</v>
      </c>
      <c r="C4" s="371"/>
      <c r="D4" s="371"/>
      <c r="E4" s="371"/>
      <c r="F4" s="371"/>
      <c r="G4" s="371"/>
      <c r="H4" s="371"/>
      <c r="I4" s="371"/>
      <c r="J4" s="371"/>
      <c r="K4" s="371"/>
      <c r="L4" s="371"/>
      <c r="M4" s="371"/>
      <c r="N4" s="371"/>
      <c r="O4" s="371"/>
      <c r="P4" s="371"/>
      <c r="Q4" s="371"/>
      <c r="R4" s="371"/>
      <c r="S4" s="371"/>
      <c r="T4" s="371"/>
      <c r="U4" s="371"/>
      <c r="V4" s="371"/>
      <c r="W4" s="371"/>
      <c r="X4" s="371"/>
      <c r="Y4" s="371"/>
      <c r="Z4" s="371"/>
    </row>
    <row r="5" spans="2:29" ht="16.5" customHeight="1" x14ac:dyDescent="0.15">
      <c r="B5" s="371" t="s">
        <v>106</v>
      </c>
      <c r="C5" s="371"/>
      <c r="D5" s="371"/>
      <c r="E5" s="371"/>
      <c r="F5" s="371"/>
      <c r="G5" s="371"/>
      <c r="H5" s="371"/>
      <c r="I5" s="371"/>
      <c r="J5" s="371"/>
      <c r="K5" s="371"/>
      <c r="L5" s="371"/>
      <c r="M5" s="371"/>
      <c r="N5" s="371"/>
      <c r="O5" s="371"/>
      <c r="P5" s="371"/>
      <c r="Q5" s="371"/>
      <c r="R5" s="371"/>
      <c r="S5" s="371"/>
      <c r="T5" s="371"/>
      <c r="U5" s="371"/>
      <c r="V5" s="371"/>
      <c r="W5" s="371"/>
      <c r="X5" s="371"/>
      <c r="Y5" s="371"/>
      <c r="Z5" s="371"/>
    </row>
    <row r="6" spans="2:29" ht="13.5" customHeight="1" x14ac:dyDescent="0.15">
      <c r="B6" s="13"/>
      <c r="C6" s="13"/>
      <c r="D6" s="13"/>
      <c r="E6" s="13"/>
      <c r="F6" s="13"/>
      <c r="G6" s="13"/>
      <c r="H6" s="13"/>
      <c r="I6" s="13"/>
      <c r="J6" s="13"/>
      <c r="K6" s="13"/>
      <c r="L6" s="13"/>
      <c r="M6" s="13"/>
      <c r="N6" s="13"/>
      <c r="O6" s="13"/>
      <c r="P6" s="13"/>
      <c r="Q6" s="13"/>
      <c r="R6" s="13"/>
      <c r="S6" s="13"/>
      <c r="T6" s="13"/>
      <c r="U6" s="13"/>
      <c r="V6" s="13"/>
      <c r="W6" s="13"/>
      <c r="X6" s="13"/>
      <c r="Y6" s="13"/>
      <c r="Z6" s="13"/>
    </row>
    <row r="7" spans="2:29" ht="24" customHeight="1" x14ac:dyDescent="0.15">
      <c r="B7" s="409" t="s">
        <v>15</v>
      </c>
      <c r="C7" s="409"/>
      <c r="D7" s="409"/>
      <c r="E7" s="409"/>
      <c r="F7" s="409"/>
      <c r="G7" s="367"/>
      <c r="H7" s="372"/>
      <c r="I7" s="372"/>
      <c r="J7" s="372"/>
      <c r="K7" s="372"/>
      <c r="L7" s="372"/>
      <c r="M7" s="372"/>
      <c r="N7" s="372"/>
      <c r="O7" s="372"/>
      <c r="P7" s="372"/>
      <c r="Q7" s="372"/>
      <c r="R7" s="372"/>
      <c r="S7" s="372"/>
      <c r="T7" s="372"/>
      <c r="U7" s="372"/>
      <c r="V7" s="372"/>
      <c r="W7" s="372"/>
      <c r="X7" s="372"/>
      <c r="Y7" s="372"/>
      <c r="Z7" s="454"/>
    </row>
    <row r="8" spans="2:29" ht="24" customHeight="1" x14ac:dyDescent="0.15">
      <c r="B8" s="409" t="s">
        <v>16</v>
      </c>
      <c r="C8" s="409"/>
      <c r="D8" s="409"/>
      <c r="E8" s="409"/>
      <c r="F8" s="409"/>
      <c r="G8" s="15" t="s">
        <v>0</v>
      </c>
      <c r="H8" s="25" t="s">
        <v>17</v>
      </c>
      <c r="I8" s="25"/>
      <c r="J8" s="25"/>
      <c r="K8" s="25"/>
      <c r="L8" s="15" t="s">
        <v>0</v>
      </c>
      <c r="M8" s="25" t="s">
        <v>18</v>
      </c>
      <c r="N8" s="25"/>
      <c r="O8" s="25"/>
      <c r="P8" s="25"/>
      <c r="Q8" s="15" t="s">
        <v>0</v>
      </c>
      <c r="R8" s="25" t="s">
        <v>19</v>
      </c>
      <c r="S8" s="25"/>
      <c r="T8" s="25"/>
      <c r="U8" s="25"/>
      <c r="V8" s="25"/>
      <c r="W8" s="25"/>
      <c r="X8" s="25"/>
      <c r="Y8" s="26"/>
      <c r="Z8" s="27"/>
    </row>
    <row r="9" spans="2:29" ht="21.95" customHeight="1" x14ac:dyDescent="0.15">
      <c r="B9" s="455" t="s">
        <v>107</v>
      </c>
      <c r="C9" s="456"/>
      <c r="D9" s="456"/>
      <c r="E9" s="456"/>
      <c r="F9" s="457"/>
      <c r="G9" s="35" t="s">
        <v>0</v>
      </c>
      <c r="H9" s="29" t="s">
        <v>108</v>
      </c>
      <c r="I9" s="89"/>
      <c r="J9" s="89"/>
      <c r="K9" s="89"/>
      <c r="L9" s="89"/>
      <c r="M9" s="89"/>
      <c r="N9" s="89"/>
      <c r="O9" s="89"/>
      <c r="P9" s="89"/>
      <c r="Q9" s="89"/>
      <c r="R9" s="89"/>
      <c r="S9" s="89"/>
      <c r="T9" s="89"/>
      <c r="U9" s="89"/>
      <c r="V9" s="89"/>
      <c r="W9" s="89"/>
      <c r="X9" s="89"/>
      <c r="Y9" s="89"/>
      <c r="Z9" s="90"/>
    </row>
    <row r="10" spans="2:29" ht="21.95" customHeight="1" x14ac:dyDescent="0.15">
      <c r="B10" s="416"/>
      <c r="C10" s="417"/>
      <c r="D10" s="417"/>
      <c r="E10" s="417"/>
      <c r="F10" s="460"/>
      <c r="G10" s="10" t="s">
        <v>0</v>
      </c>
      <c r="H10" s="6" t="s">
        <v>109</v>
      </c>
      <c r="I10" s="94"/>
      <c r="J10" s="94"/>
      <c r="K10" s="94"/>
      <c r="L10" s="94"/>
      <c r="M10" s="94"/>
      <c r="N10" s="94"/>
      <c r="O10" s="94"/>
      <c r="P10" s="94"/>
      <c r="Q10" s="94"/>
      <c r="R10" s="94"/>
      <c r="S10" s="94"/>
      <c r="T10" s="94"/>
      <c r="U10" s="94"/>
      <c r="V10" s="94"/>
      <c r="W10" s="94"/>
      <c r="X10" s="94"/>
      <c r="Y10" s="94"/>
      <c r="Z10" s="95"/>
    </row>
    <row r="11" spans="2:29" ht="13.5" customHeight="1" x14ac:dyDescent="0.15"/>
    <row r="12" spans="2:29" ht="12.95" customHeight="1" x14ac:dyDescent="0.15">
      <c r="B12" s="16"/>
      <c r="C12" s="26"/>
      <c r="D12" s="26"/>
      <c r="E12" s="26"/>
      <c r="F12" s="26"/>
      <c r="G12" s="26"/>
      <c r="H12" s="26"/>
      <c r="I12" s="26"/>
      <c r="J12" s="26"/>
      <c r="K12" s="26"/>
      <c r="L12" s="26"/>
      <c r="M12" s="26"/>
      <c r="N12" s="26"/>
      <c r="O12" s="26"/>
      <c r="P12" s="26"/>
      <c r="Q12" s="26"/>
      <c r="R12" s="26"/>
      <c r="S12" s="26"/>
      <c r="T12" s="26"/>
      <c r="U12" s="26"/>
      <c r="V12" s="26"/>
      <c r="W12" s="26"/>
      <c r="X12" s="26"/>
      <c r="Y12" s="14"/>
      <c r="Z12" s="15" t="s">
        <v>20</v>
      </c>
      <c r="AA12" s="15" t="s">
        <v>110</v>
      </c>
      <c r="AB12" s="15" t="s">
        <v>21</v>
      </c>
      <c r="AC12" s="27"/>
    </row>
    <row r="13" spans="2:29" ht="17.100000000000001" customHeight="1" x14ac:dyDescent="0.15">
      <c r="B13" s="28" t="s">
        <v>111</v>
      </c>
      <c r="C13" s="29"/>
      <c r="D13" s="29"/>
      <c r="E13" s="29"/>
      <c r="F13" s="29"/>
      <c r="G13" s="29"/>
      <c r="H13" s="29"/>
      <c r="I13" s="29"/>
      <c r="J13" s="29"/>
      <c r="K13" s="29"/>
      <c r="L13" s="29"/>
      <c r="M13" s="29"/>
      <c r="N13" s="29"/>
      <c r="O13" s="29"/>
      <c r="P13" s="29"/>
      <c r="Q13" s="29"/>
      <c r="R13" s="29"/>
      <c r="S13" s="29"/>
      <c r="T13" s="29"/>
      <c r="U13" s="29"/>
      <c r="V13" s="29"/>
      <c r="W13" s="29"/>
      <c r="X13" s="29"/>
      <c r="Y13" s="35"/>
      <c r="Z13" s="34"/>
      <c r="AA13" s="34"/>
      <c r="AB13" s="29"/>
      <c r="AC13" s="30"/>
    </row>
    <row r="14" spans="2:29" ht="17.100000000000001" customHeight="1" x14ac:dyDescent="0.15">
      <c r="B14" s="3"/>
      <c r="C14" s="36" t="s">
        <v>112</v>
      </c>
      <c r="D14" s="504" t="s">
        <v>113</v>
      </c>
      <c r="E14" s="504"/>
      <c r="F14" s="504"/>
      <c r="G14" s="504"/>
      <c r="H14" s="504"/>
      <c r="I14" s="504"/>
      <c r="J14" s="504"/>
      <c r="K14" s="504"/>
      <c r="L14" s="504"/>
      <c r="M14" s="504"/>
      <c r="N14" s="504"/>
      <c r="O14" s="504"/>
      <c r="P14" s="504"/>
      <c r="Q14" s="504"/>
      <c r="R14" s="504"/>
      <c r="S14" s="504"/>
      <c r="T14" s="504"/>
      <c r="U14" s="504"/>
      <c r="V14" s="504"/>
      <c r="W14" s="504"/>
      <c r="Y14" s="38"/>
      <c r="Z14" s="13" t="s">
        <v>0</v>
      </c>
      <c r="AA14" s="13" t="s">
        <v>114</v>
      </c>
      <c r="AB14" s="13" t="s">
        <v>0</v>
      </c>
      <c r="AC14" s="33"/>
    </row>
    <row r="15" spans="2:29" ht="33" customHeight="1" x14ac:dyDescent="0.15">
      <c r="B15" s="3"/>
      <c r="C15" s="36"/>
      <c r="D15" s="504"/>
      <c r="E15" s="504"/>
      <c r="F15" s="504"/>
      <c r="G15" s="504"/>
      <c r="H15" s="504"/>
      <c r="I15" s="504"/>
      <c r="J15" s="504"/>
      <c r="K15" s="504"/>
      <c r="L15" s="504"/>
      <c r="M15" s="504"/>
      <c r="N15" s="504"/>
      <c r="O15" s="504"/>
      <c r="P15" s="504"/>
      <c r="Q15" s="504"/>
      <c r="R15" s="504"/>
      <c r="S15" s="504"/>
      <c r="T15" s="504"/>
      <c r="U15" s="504"/>
      <c r="V15" s="504"/>
      <c r="W15" s="504"/>
      <c r="Y15" s="38"/>
      <c r="Z15" s="13"/>
      <c r="AA15" s="13"/>
      <c r="AB15" s="13"/>
      <c r="AC15" s="33"/>
    </row>
    <row r="16" spans="2:29" ht="19.5" customHeight="1" x14ac:dyDescent="0.15">
      <c r="B16" s="3"/>
      <c r="Y16" s="38"/>
      <c r="Z16" s="13"/>
      <c r="AA16" s="13"/>
      <c r="AC16" s="33"/>
    </row>
    <row r="17" spans="2:29" ht="19.5" customHeight="1" x14ac:dyDescent="0.15">
      <c r="B17" s="3"/>
      <c r="C17" s="36"/>
      <c r="D17" s="39" t="s">
        <v>29</v>
      </c>
      <c r="E17" s="25"/>
      <c r="F17" s="25"/>
      <c r="G17" s="25"/>
      <c r="H17" s="25"/>
      <c r="I17" s="25"/>
      <c r="J17" s="25"/>
      <c r="K17" s="25"/>
      <c r="L17" s="25"/>
      <c r="M17" s="25"/>
      <c r="N17" s="25"/>
      <c r="O17" s="26"/>
      <c r="P17" s="26"/>
      <c r="Q17" s="26"/>
      <c r="R17" s="26"/>
      <c r="S17" s="27"/>
      <c r="T17" s="410"/>
      <c r="U17" s="415"/>
      <c r="V17" s="415"/>
      <c r="W17" s="27" t="s">
        <v>28</v>
      </c>
      <c r="X17" s="96"/>
      <c r="Y17" s="38"/>
      <c r="Z17" s="13"/>
      <c r="AA17" s="13"/>
      <c r="AC17" s="33"/>
    </row>
    <row r="18" spans="2:29" ht="19.5" customHeight="1" x14ac:dyDescent="0.15">
      <c r="B18" s="3"/>
      <c r="C18" s="36"/>
      <c r="D18" s="4"/>
      <c r="E18" s="4"/>
      <c r="F18" s="4"/>
      <c r="G18" s="4"/>
      <c r="H18" s="4"/>
      <c r="I18" s="4"/>
      <c r="J18" s="4"/>
      <c r="K18" s="4"/>
      <c r="L18" s="4"/>
      <c r="M18" s="4"/>
      <c r="N18" s="4"/>
      <c r="U18" s="13"/>
      <c r="V18" s="13"/>
      <c r="W18" s="13"/>
      <c r="Y18" s="38"/>
      <c r="Z18" s="13"/>
      <c r="AA18" s="13"/>
      <c r="AC18" s="33"/>
    </row>
    <row r="19" spans="2:29" ht="19.5" customHeight="1" x14ac:dyDescent="0.15">
      <c r="B19" s="3"/>
      <c r="C19" s="36"/>
      <c r="E19" s="41" t="s">
        <v>30</v>
      </c>
      <c r="Y19" s="38"/>
      <c r="Z19" s="13"/>
      <c r="AA19" s="13"/>
      <c r="AC19" s="33"/>
    </row>
    <row r="20" spans="2:29" ht="19.5" customHeight="1" x14ac:dyDescent="0.15">
      <c r="B20" s="3"/>
      <c r="C20" s="36"/>
      <c r="E20" s="530" t="s">
        <v>115</v>
      </c>
      <c r="F20" s="530"/>
      <c r="G20" s="530"/>
      <c r="H20" s="530"/>
      <c r="I20" s="530"/>
      <c r="J20" s="530"/>
      <c r="K20" s="530"/>
      <c r="L20" s="530"/>
      <c r="M20" s="530"/>
      <c r="N20" s="530"/>
      <c r="O20" s="530" t="s">
        <v>31</v>
      </c>
      <c r="P20" s="530"/>
      <c r="Q20" s="530"/>
      <c r="R20" s="530"/>
      <c r="S20" s="530"/>
      <c r="Y20" s="38"/>
      <c r="Z20" s="13"/>
      <c r="AA20" s="13"/>
      <c r="AC20" s="33"/>
    </row>
    <row r="21" spans="2:29" ht="19.5" customHeight="1" x14ac:dyDescent="0.15">
      <c r="B21" s="3"/>
      <c r="C21" s="36"/>
      <c r="E21" s="530" t="s">
        <v>32</v>
      </c>
      <c r="F21" s="530"/>
      <c r="G21" s="530"/>
      <c r="H21" s="530"/>
      <c r="I21" s="530"/>
      <c r="J21" s="530"/>
      <c r="K21" s="530"/>
      <c r="L21" s="530"/>
      <c r="M21" s="530"/>
      <c r="N21" s="530"/>
      <c r="O21" s="530" t="s">
        <v>33</v>
      </c>
      <c r="P21" s="530"/>
      <c r="Q21" s="530"/>
      <c r="R21" s="530"/>
      <c r="S21" s="530"/>
      <c r="Y21" s="38"/>
      <c r="Z21" s="13"/>
      <c r="AA21" s="13"/>
      <c r="AC21" s="33"/>
    </row>
    <row r="22" spans="2:29" ht="19.5" customHeight="1" x14ac:dyDescent="0.15">
      <c r="B22" s="3"/>
      <c r="C22" s="36"/>
      <c r="E22" s="530" t="s">
        <v>34</v>
      </c>
      <c r="F22" s="530"/>
      <c r="G22" s="530"/>
      <c r="H22" s="530"/>
      <c r="I22" s="530"/>
      <c r="J22" s="530"/>
      <c r="K22" s="530"/>
      <c r="L22" s="530"/>
      <c r="M22" s="530"/>
      <c r="N22" s="530"/>
      <c r="O22" s="530" t="s">
        <v>35</v>
      </c>
      <c r="P22" s="530"/>
      <c r="Q22" s="530"/>
      <c r="R22" s="530"/>
      <c r="S22" s="530"/>
      <c r="Y22" s="38"/>
      <c r="Z22" s="13"/>
      <c r="AA22" s="13"/>
      <c r="AC22" s="33"/>
    </row>
    <row r="23" spans="2:29" ht="19.5" customHeight="1" x14ac:dyDescent="0.15">
      <c r="B23" s="3"/>
      <c r="C23" s="36"/>
      <c r="E23" s="530" t="s">
        <v>36</v>
      </c>
      <c r="F23" s="530"/>
      <c r="G23" s="530"/>
      <c r="H23" s="530"/>
      <c r="I23" s="530"/>
      <c r="J23" s="530"/>
      <c r="K23" s="530"/>
      <c r="L23" s="530"/>
      <c r="M23" s="530"/>
      <c r="N23" s="530"/>
      <c r="O23" s="530" t="s">
        <v>37</v>
      </c>
      <c r="P23" s="530"/>
      <c r="Q23" s="530"/>
      <c r="R23" s="530"/>
      <c r="S23" s="530"/>
      <c r="Y23" s="38"/>
      <c r="Z23" s="13"/>
      <c r="AA23" s="13"/>
      <c r="AC23" s="33"/>
    </row>
    <row r="24" spans="2:29" ht="19.5" customHeight="1" x14ac:dyDescent="0.15">
      <c r="B24" s="3"/>
      <c r="C24" s="36"/>
      <c r="E24" s="530" t="s">
        <v>38</v>
      </c>
      <c r="F24" s="530"/>
      <c r="G24" s="530"/>
      <c r="H24" s="530"/>
      <c r="I24" s="530"/>
      <c r="J24" s="530"/>
      <c r="K24" s="530"/>
      <c r="L24" s="530"/>
      <c r="M24" s="530"/>
      <c r="N24" s="530"/>
      <c r="O24" s="530" t="s">
        <v>39</v>
      </c>
      <c r="P24" s="530"/>
      <c r="Q24" s="530"/>
      <c r="R24" s="530"/>
      <c r="S24" s="530"/>
      <c r="Y24" s="38"/>
      <c r="Z24" s="13"/>
      <c r="AA24" s="13"/>
      <c r="AC24" s="33"/>
    </row>
    <row r="25" spans="2:29" ht="19.5" customHeight="1" x14ac:dyDescent="0.15">
      <c r="B25" s="3"/>
      <c r="C25" s="36"/>
      <c r="E25" s="530" t="s">
        <v>40</v>
      </c>
      <c r="F25" s="530"/>
      <c r="G25" s="530"/>
      <c r="H25" s="530"/>
      <c r="I25" s="530"/>
      <c r="J25" s="530"/>
      <c r="K25" s="530"/>
      <c r="L25" s="530"/>
      <c r="M25" s="530"/>
      <c r="N25" s="530"/>
      <c r="O25" s="530" t="s">
        <v>41</v>
      </c>
      <c r="P25" s="530"/>
      <c r="Q25" s="530"/>
      <c r="R25" s="530"/>
      <c r="S25" s="530"/>
      <c r="Y25" s="38"/>
      <c r="Z25" s="13"/>
      <c r="AA25" s="13"/>
      <c r="AC25" s="33"/>
    </row>
    <row r="26" spans="2:29" ht="19.5" customHeight="1" x14ac:dyDescent="0.15">
      <c r="B26" s="3"/>
      <c r="C26" s="36"/>
      <c r="E26" s="530" t="s">
        <v>42</v>
      </c>
      <c r="F26" s="530"/>
      <c r="G26" s="530"/>
      <c r="H26" s="530"/>
      <c r="I26" s="530"/>
      <c r="J26" s="530"/>
      <c r="K26" s="530"/>
      <c r="L26" s="530"/>
      <c r="M26" s="530"/>
      <c r="N26" s="530"/>
      <c r="O26" s="530" t="s">
        <v>43</v>
      </c>
      <c r="P26" s="530"/>
      <c r="Q26" s="530"/>
      <c r="R26" s="530"/>
      <c r="S26" s="530"/>
      <c r="Y26" s="38"/>
      <c r="Z26" s="13"/>
      <c r="AA26" s="13"/>
      <c r="AC26" s="33"/>
    </row>
    <row r="27" spans="2:29" ht="19.5" customHeight="1" x14ac:dyDescent="0.15">
      <c r="B27" s="3"/>
      <c r="C27" s="36"/>
      <c r="E27" s="530" t="s">
        <v>116</v>
      </c>
      <c r="F27" s="530"/>
      <c r="G27" s="530"/>
      <c r="H27" s="530"/>
      <c r="I27" s="530"/>
      <c r="J27" s="530"/>
      <c r="K27" s="530"/>
      <c r="L27" s="530"/>
      <c r="M27" s="530"/>
      <c r="N27" s="530"/>
      <c r="O27" s="530" t="s">
        <v>116</v>
      </c>
      <c r="P27" s="530"/>
      <c r="Q27" s="530"/>
      <c r="R27" s="530"/>
      <c r="S27" s="530"/>
      <c r="Y27" s="38"/>
      <c r="Z27" s="13"/>
      <c r="AA27" s="13"/>
      <c r="AC27" s="33"/>
    </row>
    <row r="28" spans="2:29" ht="19.5" customHeight="1" x14ac:dyDescent="0.15">
      <c r="B28" s="3"/>
      <c r="C28" s="36"/>
      <c r="J28" s="371"/>
      <c r="K28" s="371"/>
      <c r="L28" s="371"/>
      <c r="M28" s="371"/>
      <c r="N28" s="371"/>
      <c r="O28" s="371"/>
      <c r="P28" s="371"/>
      <c r="Q28" s="371"/>
      <c r="R28" s="371"/>
      <c r="S28" s="371"/>
      <c r="T28" s="371"/>
      <c r="U28" s="371"/>
      <c r="V28" s="371"/>
      <c r="Y28" s="38"/>
      <c r="Z28" s="13"/>
      <c r="AA28" s="13"/>
      <c r="AC28" s="33"/>
    </row>
    <row r="29" spans="2:29" ht="19.149999999999999" customHeight="1" x14ac:dyDescent="0.15">
      <c r="B29" s="3"/>
      <c r="C29" s="36" t="s">
        <v>117</v>
      </c>
      <c r="D29" s="504" t="s">
        <v>118</v>
      </c>
      <c r="E29" s="504"/>
      <c r="F29" s="504"/>
      <c r="G29" s="504"/>
      <c r="H29" s="504"/>
      <c r="I29" s="504"/>
      <c r="J29" s="504"/>
      <c r="K29" s="504"/>
      <c r="L29" s="504"/>
      <c r="M29" s="504"/>
      <c r="N29" s="504"/>
      <c r="O29" s="504"/>
      <c r="P29" s="504"/>
      <c r="Q29" s="504"/>
      <c r="R29" s="504"/>
      <c r="S29" s="504"/>
      <c r="T29" s="504"/>
      <c r="U29" s="504"/>
      <c r="V29" s="504"/>
      <c r="W29" s="504"/>
      <c r="Y29" s="37"/>
      <c r="Z29" s="13" t="s">
        <v>0</v>
      </c>
      <c r="AA29" s="13" t="s">
        <v>119</v>
      </c>
      <c r="AB29" s="13" t="s">
        <v>0</v>
      </c>
      <c r="AC29" s="33"/>
    </row>
    <row r="30" spans="2:29" ht="19.899999999999999" customHeight="1" x14ac:dyDescent="0.15">
      <c r="B30" s="3"/>
      <c r="D30" s="504"/>
      <c r="E30" s="504"/>
      <c r="F30" s="504"/>
      <c r="G30" s="504"/>
      <c r="H30" s="504"/>
      <c r="I30" s="504"/>
      <c r="J30" s="504"/>
      <c r="K30" s="504"/>
      <c r="L30" s="504"/>
      <c r="M30" s="504"/>
      <c r="N30" s="504"/>
      <c r="O30" s="504"/>
      <c r="P30" s="504"/>
      <c r="Q30" s="504"/>
      <c r="R30" s="504"/>
      <c r="S30" s="504"/>
      <c r="T30" s="504"/>
      <c r="U30" s="504"/>
      <c r="V30" s="504"/>
      <c r="W30" s="504"/>
      <c r="Y30" s="38"/>
      <c r="Z30" s="13"/>
      <c r="AA30" s="13"/>
      <c r="AC30" s="33"/>
    </row>
    <row r="31" spans="2:29" ht="13.5" customHeight="1" x14ac:dyDescent="0.15">
      <c r="B31" s="3"/>
      <c r="Y31" s="38"/>
      <c r="Z31" s="13"/>
      <c r="AA31" s="13"/>
      <c r="AC31" s="33"/>
    </row>
    <row r="32" spans="2:29" ht="32.450000000000003" customHeight="1" x14ac:dyDescent="0.15">
      <c r="B32" s="3"/>
      <c r="C32" s="36" t="s">
        <v>120</v>
      </c>
      <c r="D32" s="504" t="s">
        <v>121</v>
      </c>
      <c r="E32" s="504"/>
      <c r="F32" s="504"/>
      <c r="G32" s="504"/>
      <c r="H32" s="504"/>
      <c r="I32" s="504"/>
      <c r="J32" s="504"/>
      <c r="K32" s="504"/>
      <c r="L32" s="504"/>
      <c r="M32" s="504"/>
      <c r="N32" s="504"/>
      <c r="O32" s="504"/>
      <c r="P32" s="504"/>
      <c r="Q32" s="504"/>
      <c r="R32" s="504"/>
      <c r="S32" s="504"/>
      <c r="T32" s="504"/>
      <c r="U32" s="504"/>
      <c r="V32" s="504"/>
      <c r="W32" s="504"/>
      <c r="Y32" s="37"/>
      <c r="Z32" s="13" t="s">
        <v>0</v>
      </c>
      <c r="AA32" s="13" t="s">
        <v>119</v>
      </c>
      <c r="AB32" s="13" t="s">
        <v>0</v>
      </c>
      <c r="AC32" s="33"/>
    </row>
    <row r="33" spans="1:32" x14ac:dyDescent="0.15">
      <c r="B33" s="3"/>
      <c r="D33" s="504"/>
      <c r="E33" s="504"/>
      <c r="F33" s="504"/>
      <c r="G33" s="504"/>
      <c r="H33" s="504"/>
      <c r="I33" s="504"/>
      <c r="J33" s="504"/>
      <c r="K33" s="504"/>
      <c r="L33" s="504"/>
      <c r="M33" s="504"/>
      <c r="N33" s="504"/>
      <c r="O33" s="504"/>
      <c r="P33" s="504"/>
      <c r="Q33" s="504"/>
      <c r="R33" s="504"/>
      <c r="S33" s="504"/>
      <c r="T33" s="504"/>
      <c r="U33" s="504"/>
      <c r="V33" s="504"/>
      <c r="W33" s="504"/>
      <c r="Y33" s="38"/>
      <c r="Z33" s="13"/>
      <c r="AA33" s="13"/>
      <c r="AC33" s="33"/>
    </row>
    <row r="34" spans="1:32" x14ac:dyDescent="0.15">
      <c r="B34" s="3"/>
      <c r="Y34" s="38"/>
      <c r="Z34" s="13"/>
      <c r="AA34" s="13"/>
      <c r="AC34" s="33"/>
    </row>
    <row r="35" spans="1:32" x14ac:dyDescent="0.15">
      <c r="B35" s="3"/>
      <c r="C35" s="36" t="s">
        <v>122</v>
      </c>
      <c r="D35" s="504" t="s">
        <v>123</v>
      </c>
      <c r="E35" s="504"/>
      <c r="F35" s="504"/>
      <c r="G35" s="504"/>
      <c r="H35" s="504"/>
      <c r="I35" s="504"/>
      <c r="J35" s="504"/>
      <c r="K35" s="504"/>
      <c r="L35" s="504"/>
      <c r="M35" s="504"/>
      <c r="N35" s="504"/>
      <c r="O35" s="504"/>
      <c r="P35" s="504"/>
      <c r="Q35" s="504"/>
      <c r="R35" s="504"/>
      <c r="S35" s="504"/>
      <c r="T35" s="504"/>
      <c r="U35" s="504"/>
      <c r="V35" s="504"/>
      <c r="W35" s="504"/>
      <c r="Y35" s="37"/>
      <c r="Z35" s="13" t="s">
        <v>0</v>
      </c>
      <c r="AA35" s="13" t="s">
        <v>119</v>
      </c>
      <c r="AB35" s="13" t="s">
        <v>0</v>
      </c>
      <c r="AC35" s="33"/>
    </row>
    <row r="36" spans="1:32" x14ac:dyDescent="0.15">
      <c r="B36" s="3"/>
      <c r="C36" s="36"/>
      <c r="D36" s="504"/>
      <c r="E36" s="504"/>
      <c r="F36" s="504"/>
      <c r="G36" s="504"/>
      <c r="H36" s="504"/>
      <c r="I36" s="504"/>
      <c r="J36" s="504"/>
      <c r="K36" s="504"/>
      <c r="L36" s="504"/>
      <c r="M36" s="504"/>
      <c r="N36" s="504"/>
      <c r="O36" s="504"/>
      <c r="P36" s="504"/>
      <c r="Q36" s="504"/>
      <c r="R36" s="504"/>
      <c r="S36" s="504"/>
      <c r="T36" s="504"/>
      <c r="U36" s="504"/>
      <c r="V36" s="504"/>
      <c r="W36" s="504"/>
      <c r="Y36" s="38"/>
      <c r="Z36" s="13"/>
      <c r="AA36" s="13"/>
      <c r="AC36" s="33"/>
    </row>
    <row r="37" spans="1:32" x14ac:dyDescent="0.15">
      <c r="A37" s="33"/>
      <c r="B37" s="6"/>
      <c r="C37" s="6"/>
      <c r="D37" s="6"/>
      <c r="E37" s="6"/>
      <c r="F37" s="6"/>
      <c r="G37" s="6"/>
      <c r="H37" s="6"/>
      <c r="I37" s="6"/>
      <c r="J37" s="6"/>
      <c r="K37" s="6"/>
      <c r="L37" s="6"/>
      <c r="M37" s="6"/>
      <c r="N37" s="6"/>
      <c r="O37" s="6"/>
      <c r="P37" s="6"/>
      <c r="Q37" s="6"/>
      <c r="R37" s="6"/>
      <c r="S37" s="6"/>
      <c r="T37" s="6"/>
      <c r="U37" s="6"/>
      <c r="V37" s="6"/>
      <c r="W37" s="6"/>
      <c r="X37" s="6"/>
      <c r="Y37" s="10"/>
      <c r="Z37" s="11"/>
      <c r="AA37" s="11"/>
      <c r="AB37" s="6"/>
      <c r="AC37" s="6"/>
      <c r="AD37" s="3"/>
    </row>
    <row r="38" spans="1:32" x14ac:dyDescent="0.15">
      <c r="B38" s="3" t="s">
        <v>124</v>
      </c>
      <c r="C38" s="29"/>
      <c r="Y38" s="38"/>
      <c r="Z38" s="13"/>
      <c r="AA38" s="13"/>
      <c r="AC38" s="33"/>
    </row>
    <row r="39" spans="1:32" x14ac:dyDescent="0.15">
      <c r="B39" s="3"/>
      <c r="C39" s="36" t="s">
        <v>125</v>
      </c>
      <c r="D39" s="504" t="s">
        <v>126</v>
      </c>
      <c r="E39" s="504"/>
      <c r="F39" s="504"/>
      <c r="G39" s="504"/>
      <c r="H39" s="504"/>
      <c r="I39" s="504"/>
      <c r="J39" s="504"/>
      <c r="K39" s="504"/>
      <c r="L39" s="504"/>
      <c r="M39" s="504"/>
      <c r="N39" s="504"/>
      <c r="O39" s="504"/>
      <c r="P39" s="504"/>
      <c r="Q39" s="504"/>
      <c r="R39" s="504"/>
      <c r="S39" s="504"/>
      <c r="T39" s="504"/>
      <c r="U39" s="504"/>
      <c r="V39" s="504"/>
      <c r="W39" s="504"/>
      <c r="Y39" s="37"/>
      <c r="Z39" s="13" t="s">
        <v>0</v>
      </c>
      <c r="AA39" s="13" t="s">
        <v>114</v>
      </c>
      <c r="AB39" s="13" t="s">
        <v>0</v>
      </c>
      <c r="AC39" s="33"/>
    </row>
    <row r="40" spans="1:32" x14ac:dyDescent="0.15">
      <c r="B40" s="3"/>
      <c r="D40" s="504"/>
      <c r="E40" s="504"/>
      <c r="F40" s="504"/>
      <c r="G40" s="504"/>
      <c r="H40" s="504"/>
      <c r="I40" s="504"/>
      <c r="J40" s="504"/>
      <c r="K40" s="504"/>
      <c r="L40" s="504"/>
      <c r="M40" s="504"/>
      <c r="N40" s="504"/>
      <c r="O40" s="504"/>
      <c r="P40" s="504"/>
      <c r="Q40" s="504"/>
      <c r="R40" s="504"/>
      <c r="S40" s="504"/>
      <c r="T40" s="504"/>
      <c r="U40" s="504"/>
      <c r="V40" s="504"/>
      <c r="W40" s="504"/>
      <c r="Y40" s="38"/>
      <c r="Z40" s="13"/>
      <c r="AA40" s="13"/>
      <c r="AC40" s="33"/>
    </row>
    <row r="41" spans="1:32" x14ac:dyDescent="0.15">
      <c r="B41" s="1"/>
      <c r="C41" s="42"/>
      <c r="D41" s="6"/>
      <c r="E41" s="6"/>
      <c r="F41" s="6"/>
      <c r="G41" s="6"/>
      <c r="H41" s="6"/>
      <c r="I41" s="6"/>
      <c r="J41" s="6"/>
      <c r="K41" s="6"/>
      <c r="L41" s="6"/>
      <c r="M41" s="6"/>
      <c r="N41" s="6"/>
      <c r="O41" s="6"/>
      <c r="P41" s="6"/>
      <c r="Q41" s="6"/>
      <c r="R41" s="6"/>
      <c r="S41" s="6"/>
      <c r="T41" s="6"/>
      <c r="U41" s="6"/>
      <c r="V41" s="6"/>
      <c r="W41" s="6"/>
      <c r="X41" s="6"/>
      <c r="Y41" s="10"/>
      <c r="Z41" s="11"/>
      <c r="AA41" s="11"/>
      <c r="AB41" s="6"/>
      <c r="AC41" s="5"/>
    </row>
    <row r="42" spans="1:32" ht="18.75" customHeight="1" x14ac:dyDescent="0.15">
      <c r="B42" s="531" t="s">
        <v>127</v>
      </c>
      <c r="C42" s="531"/>
      <c r="D42" s="531"/>
      <c r="E42" s="531"/>
      <c r="F42" s="531"/>
      <c r="G42" s="531"/>
      <c r="H42" s="531"/>
      <c r="I42" s="531"/>
      <c r="J42" s="531"/>
      <c r="K42" s="531"/>
      <c r="L42" s="531"/>
      <c r="M42" s="531"/>
      <c r="N42" s="531"/>
      <c r="O42" s="531"/>
      <c r="P42" s="531"/>
      <c r="Q42" s="531"/>
      <c r="R42" s="531"/>
      <c r="S42" s="531"/>
      <c r="T42" s="531"/>
      <c r="U42" s="531"/>
      <c r="V42" s="531"/>
      <c r="W42" s="531"/>
      <c r="X42" s="531"/>
      <c r="Y42" s="531"/>
      <c r="Z42" s="531"/>
      <c r="AA42" s="531"/>
      <c r="AB42" s="531"/>
      <c r="AC42" s="531"/>
    </row>
    <row r="43" spans="1:32" ht="17.25" customHeight="1" x14ac:dyDescent="0.15">
      <c r="B43" s="504"/>
      <c r="C43" s="504"/>
      <c r="D43" s="504"/>
      <c r="E43" s="504"/>
      <c r="F43" s="504"/>
      <c r="G43" s="504"/>
      <c r="H43" s="504"/>
      <c r="I43" s="504"/>
      <c r="J43" s="504"/>
      <c r="K43" s="504"/>
      <c r="L43" s="504"/>
      <c r="M43" s="504"/>
      <c r="N43" s="504"/>
      <c r="O43" s="504"/>
      <c r="P43" s="504"/>
      <c r="Q43" s="504"/>
      <c r="R43" s="504"/>
      <c r="S43" s="504"/>
      <c r="T43" s="504"/>
      <c r="U43" s="504"/>
      <c r="V43" s="504"/>
      <c r="W43" s="504"/>
      <c r="X43" s="504"/>
      <c r="Y43" s="504"/>
      <c r="Z43" s="504"/>
      <c r="AA43" s="504"/>
      <c r="AB43" s="504"/>
      <c r="AC43" s="504"/>
    </row>
    <row r="44" spans="1:32" x14ac:dyDescent="0.15">
      <c r="B44" s="504" t="s">
        <v>128</v>
      </c>
      <c r="C44" s="504"/>
      <c r="D44" s="504"/>
      <c r="E44" s="504"/>
      <c r="F44" s="504"/>
      <c r="G44" s="504"/>
      <c r="H44" s="504"/>
      <c r="I44" s="504"/>
      <c r="J44" s="504"/>
      <c r="K44" s="504"/>
      <c r="L44" s="504"/>
      <c r="M44" s="504"/>
      <c r="N44" s="504"/>
      <c r="O44" s="504"/>
      <c r="P44" s="504"/>
      <c r="Q44" s="504"/>
      <c r="R44" s="504"/>
      <c r="S44" s="504"/>
      <c r="T44" s="504"/>
      <c r="U44" s="504"/>
      <c r="V44" s="504"/>
      <c r="W44" s="504"/>
      <c r="X44" s="504"/>
      <c r="Y44" s="504"/>
      <c r="Z44" s="504"/>
      <c r="AA44" s="504"/>
      <c r="AB44" s="504"/>
      <c r="AC44" s="504"/>
    </row>
    <row r="45" spans="1:32" x14ac:dyDescent="0.15">
      <c r="B45" s="504"/>
      <c r="C45" s="504"/>
      <c r="D45" s="504"/>
      <c r="E45" s="504"/>
      <c r="F45" s="504"/>
      <c r="G45" s="504"/>
      <c r="H45" s="504"/>
      <c r="I45" s="504"/>
      <c r="J45" s="504"/>
      <c r="K45" s="504"/>
      <c r="L45" s="504"/>
      <c r="M45" s="504"/>
      <c r="N45" s="504"/>
      <c r="O45" s="504"/>
      <c r="P45" s="504"/>
      <c r="Q45" s="504"/>
      <c r="R45" s="504"/>
      <c r="S45" s="504"/>
      <c r="T45" s="504"/>
      <c r="U45" s="504"/>
      <c r="V45" s="504"/>
      <c r="W45" s="504"/>
      <c r="X45" s="504"/>
      <c r="Y45" s="504"/>
      <c r="Z45" s="504"/>
      <c r="AA45" s="504"/>
      <c r="AB45" s="504"/>
      <c r="AC45" s="504"/>
    </row>
    <row r="46" spans="1:32" ht="18" customHeight="1" x14ac:dyDescent="0.15">
      <c r="B46" s="504"/>
      <c r="C46" s="504"/>
      <c r="D46" s="504"/>
      <c r="E46" s="504"/>
      <c r="F46" s="504"/>
      <c r="G46" s="504"/>
      <c r="H46" s="504"/>
      <c r="I46" s="504"/>
      <c r="J46" s="504"/>
      <c r="K46" s="504"/>
      <c r="L46" s="504"/>
      <c r="M46" s="504"/>
      <c r="N46" s="504"/>
      <c r="O46" s="504"/>
      <c r="P46" s="504"/>
      <c r="Q46" s="504"/>
      <c r="R46" s="504"/>
      <c r="S46" s="504"/>
      <c r="T46" s="504"/>
      <c r="U46" s="504"/>
      <c r="V46" s="504"/>
      <c r="W46" s="504"/>
      <c r="X46" s="504"/>
      <c r="Y46" s="504"/>
      <c r="Z46" s="504"/>
      <c r="AA46" s="504"/>
      <c r="AB46" s="504"/>
      <c r="AC46" s="504"/>
    </row>
    <row r="47" spans="1:32" x14ac:dyDescent="0.15">
      <c r="D47" s="32" t="s">
        <v>129</v>
      </c>
      <c r="K47" s="97"/>
      <c r="L47" s="504" t="s">
        <v>130</v>
      </c>
      <c r="M47" s="504"/>
      <c r="N47" s="504"/>
      <c r="O47" s="504"/>
      <c r="P47" s="504"/>
      <c r="Q47" s="504"/>
      <c r="R47" s="504"/>
      <c r="S47" s="504"/>
      <c r="T47" s="504"/>
      <c r="U47" s="504"/>
      <c r="V47" s="504"/>
      <c r="W47" s="504"/>
      <c r="X47" s="504"/>
      <c r="Y47" s="504"/>
      <c r="Z47" s="504"/>
      <c r="AA47" s="504"/>
      <c r="AB47" s="504"/>
      <c r="AC47" s="97"/>
    </row>
    <row r="48" spans="1:32" x14ac:dyDescent="0.15">
      <c r="K48" s="97"/>
      <c r="L48" s="504"/>
      <c r="M48" s="504"/>
      <c r="N48" s="504"/>
      <c r="O48" s="504"/>
      <c r="P48" s="504"/>
      <c r="Q48" s="504"/>
      <c r="R48" s="504"/>
      <c r="S48" s="504"/>
      <c r="T48" s="504"/>
      <c r="U48" s="504"/>
      <c r="V48" s="504"/>
      <c r="W48" s="504"/>
      <c r="X48" s="504"/>
      <c r="Y48" s="504"/>
      <c r="Z48" s="504"/>
      <c r="AA48" s="504"/>
      <c r="AB48" s="504"/>
      <c r="AC48" s="97"/>
      <c r="AF48" s="32" t="s">
        <v>131</v>
      </c>
    </row>
    <row r="49" spans="2:29" ht="49.5" customHeight="1" x14ac:dyDescent="0.15">
      <c r="K49" s="97"/>
      <c r="L49" s="504"/>
      <c r="M49" s="504"/>
      <c r="N49" s="504"/>
      <c r="O49" s="504"/>
      <c r="P49" s="504"/>
      <c r="Q49" s="504"/>
      <c r="R49" s="504"/>
      <c r="S49" s="504"/>
      <c r="T49" s="504"/>
      <c r="U49" s="504"/>
      <c r="V49" s="504"/>
      <c r="W49" s="504"/>
      <c r="X49" s="504"/>
      <c r="Y49" s="504"/>
      <c r="Z49" s="504"/>
      <c r="AA49" s="504"/>
      <c r="AB49" s="504"/>
      <c r="AC49" s="97"/>
    </row>
    <row r="50" spans="2:29" x14ac:dyDescent="0.15">
      <c r="B50" s="504" t="s">
        <v>132</v>
      </c>
      <c r="C50" s="504"/>
      <c r="D50" s="504"/>
      <c r="E50" s="504"/>
      <c r="F50" s="504"/>
      <c r="G50" s="504"/>
      <c r="H50" s="504"/>
      <c r="I50" s="504"/>
      <c r="J50" s="504"/>
      <c r="K50" s="504"/>
      <c r="L50" s="504"/>
      <c r="M50" s="504"/>
      <c r="N50" s="504"/>
      <c r="O50" s="504"/>
      <c r="P50" s="504"/>
      <c r="Q50" s="504"/>
      <c r="R50" s="504"/>
      <c r="S50" s="504"/>
      <c r="T50" s="504"/>
      <c r="U50" s="504"/>
      <c r="V50" s="504"/>
      <c r="W50" s="504"/>
      <c r="X50" s="504"/>
      <c r="Y50" s="504"/>
      <c r="Z50" s="504"/>
      <c r="AA50" s="504"/>
      <c r="AB50" s="504"/>
      <c r="AC50" s="504"/>
    </row>
    <row r="51" spans="2:29" x14ac:dyDescent="0.15">
      <c r="B51" s="504"/>
      <c r="C51" s="504"/>
      <c r="D51" s="504"/>
      <c r="E51" s="504"/>
      <c r="F51" s="504"/>
      <c r="G51" s="504"/>
      <c r="H51" s="504"/>
      <c r="I51" s="504"/>
      <c r="J51" s="504"/>
      <c r="K51" s="504"/>
      <c r="L51" s="504"/>
      <c r="M51" s="504"/>
      <c r="N51" s="504"/>
      <c r="O51" s="504"/>
      <c r="P51" s="504"/>
      <c r="Q51" s="504"/>
      <c r="R51" s="504"/>
      <c r="S51" s="504"/>
      <c r="T51" s="504"/>
      <c r="U51" s="504"/>
      <c r="V51" s="504"/>
      <c r="W51" s="504"/>
      <c r="X51" s="504"/>
      <c r="Y51" s="504"/>
      <c r="Z51" s="504"/>
      <c r="AA51" s="504"/>
      <c r="AB51" s="504"/>
      <c r="AC51" s="504"/>
    </row>
    <row r="52" spans="2:29" ht="30" customHeight="1" x14ac:dyDescent="0.15">
      <c r="B52" s="504"/>
      <c r="C52" s="504"/>
      <c r="D52" s="504"/>
      <c r="E52" s="504"/>
      <c r="F52" s="504"/>
      <c r="G52" s="504"/>
      <c r="H52" s="504"/>
      <c r="I52" s="504"/>
      <c r="J52" s="504"/>
      <c r="K52" s="504"/>
      <c r="L52" s="504"/>
      <c r="M52" s="504"/>
      <c r="N52" s="504"/>
      <c r="O52" s="504"/>
      <c r="P52" s="504"/>
      <c r="Q52" s="504"/>
      <c r="R52" s="504"/>
      <c r="S52" s="504"/>
      <c r="T52" s="504"/>
      <c r="U52" s="504"/>
      <c r="V52" s="504"/>
      <c r="W52" s="504"/>
      <c r="X52" s="504"/>
      <c r="Y52" s="504"/>
      <c r="Z52" s="504"/>
      <c r="AA52" s="504"/>
      <c r="AB52" s="504"/>
      <c r="AC52" s="504"/>
    </row>
    <row r="120" spans="3:7" x14ac:dyDescent="0.15">
      <c r="C120" s="6"/>
      <c r="D120" s="6"/>
      <c r="E120" s="6"/>
      <c r="F120" s="6"/>
      <c r="G120" s="6"/>
    </row>
    <row r="121" spans="3:7" x14ac:dyDescent="0.15">
      <c r="C121" s="29"/>
    </row>
  </sheetData>
  <mergeCells count="34">
    <mergeCell ref="B42:AC43"/>
    <mergeCell ref="B44:AC46"/>
    <mergeCell ref="L47:AB49"/>
    <mergeCell ref="B50:AC52"/>
    <mergeCell ref="J28:S28"/>
    <mergeCell ref="T28:V28"/>
    <mergeCell ref="D29:W30"/>
    <mergeCell ref="D32:W33"/>
    <mergeCell ref="D35:W36"/>
    <mergeCell ref="D39:W40"/>
    <mergeCell ref="E25:N25"/>
    <mergeCell ref="O25:S25"/>
    <mergeCell ref="E26:N26"/>
    <mergeCell ref="O26:S26"/>
    <mergeCell ref="E27:N27"/>
    <mergeCell ref="O27:S27"/>
    <mergeCell ref="E22:N22"/>
    <mergeCell ref="O22:S22"/>
    <mergeCell ref="E23:N23"/>
    <mergeCell ref="O23:S23"/>
    <mergeCell ref="E24:N24"/>
    <mergeCell ref="O24:S24"/>
    <mergeCell ref="D14:W15"/>
    <mergeCell ref="T17:V17"/>
    <mergeCell ref="E20:N20"/>
    <mergeCell ref="O20:S20"/>
    <mergeCell ref="E21:N21"/>
    <mergeCell ref="O21:S21"/>
    <mergeCell ref="B9:F10"/>
    <mergeCell ref="B4:Z4"/>
    <mergeCell ref="B5:Z5"/>
    <mergeCell ref="B7:F7"/>
    <mergeCell ref="G7:Z7"/>
    <mergeCell ref="B8:F8"/>
  </mergeCells>
  <phoneticPr fontId="3"/>
  <dataValidations count="1">
    <dataValidation type="list" allowBlank="1" showInputMessage="1" showErrorMessage="1" sqref="Z14:Z15 AB14:AB15 Z29 AB29 Z39 AB39 G8:G10 L8 Q8 Z32 AB32 Z35 AB35">
      <formula1>"□,■"</formula1>
    </dataValidation>
  </dataValidations>
  <pageMargins left="0.7" right="0.7" top="0.75" bottom="0.75" header="0.3" footer="0.3"/>
  <pageSetup paperSize="9" scale="65" orientation="portrait" r:id="rId1"/>
  <rowBreaks count="1" manualBreakCount="1">
    <brk id="53" max="16383"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view="pageBreakPreview" topLeftCell="A22" zoomScaleNormal="100" zoomScaleSheetLayoutView="100" workbookViewId="0">
      <selection activeCell="M11" sqref="M11"/>
    </sheetView>
  </sheetViews>
  <sheetFormatPr defaultColWidth="4" defaultRowHeight="13.5" x14ac:dyDescent="0.15"/>
  <cols>
    <col min="1" max="1" width="1.5" style="79" customWidth="1"/>
    <col min="2" max="2" width="2.375" style="79" customWidth="1"/>
    <col min="3" max="3" width="2.75" style="79" customWidth="1"/>
    <col min="4" max="7" width="4" style="79"/>
    <col min="8" max="8" width="2.875" style="79" customWidth="1"/>
    <col min="9" max="16" width="4" style="79"/>
    <col min="17" max="17" width="5.375" style="79" customWidth="1"/>
    <col min="18" max="18" width="5" style="79" customWidth="1"/>
    <col min="19" max="19" width="4.625" style="79" customWidth="1"/>
    <col min="20" max="24" width="4" style="79"/>
    <col min="25" max="25" width="2.375" style="79" customWidth="1"/>
    <col min="26" max="26" width="4" style="79"/>
    <col min="27" max="27" width="2.25" style="79" customWidth="1"/>
    <col min="28" max="28" width="4" style="79"/>
    <col min="29" max="29" width="2.375" style="79" customWidth="1"/>
    <col min="30" max="30" width="1.5" style="79" customWidth="1"/>
    <col min="31" max="16384" width="4" style="79"/>
  </cols>
  <sheetData>
    <row r="2" spans="2:32" x14ac:dyDescent="0.15">
      <c r="B2" s="79" t="s">
        <v>497</v>
      </c>
      <c r="C2"/>
      <c r="D2"/>
      <c r="E2"/>
      <c r="F2"/>
      <c r="G2"/>
      <c r="H2"/>
      <c r="I2"/>
      <c r="J2"/>
      <c r="K2"/>
      <c r="L2"/>
      <c r="M2"/>
      <c r="N2"/>
      <c r="O2"/>
      <c r="P2"/>
      <c r="Q2"/>
      <c r="R2"/>
      <c r="S2"/>
      <c r="T2"/>
      <c r="U2"/>
      <c r="V2"/>
      <c r="W2"/>
      <c r="X2"/>
      <c r="Y2"/>
      <c r="Z2"/>
      <c r="AA2"/>
      <c r="AB2"/>
      <c r="AC2"/>
    </row>
    <row r="4" spans="2:32" x14ac:dyDescent="0.15">
      <c r="B4" s="371" t="s">
        <v>498</v>
      </c>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row>
    <row r="6" spans="2:32" ht="23.25" customHeight="1" x14ac:dyDescent="0.15">
      <c r="B6" s="409" t="s">
        <v>15</v>
      </c>
      <c r="C6" s="409"/>
      <c r="D6" s="409"/>
      <c r="E6" s="409"/>
      <c r="F6" s="409"/>
      <c r="G6" s="367"/>
      <c r="H6" s="372"/>
      <c r="I6" s="372"/>
      <c r="J6" s="372"/>
      <c r="K6" s="372"/>
      <c r="L6" s="372"/>
      <c r="M6" s="372"/>
      <c r="N6" s="372"/>
      <c r="O6" s="372"/>
      <c r="P6" s="372"/>
      <c r="Q6" s="372"/>
      <c r="R6" s="372"/>
      <c r="S6" s="372"/>
      <c r="T6" s="372"/>
      <c r="U6" s="372"/>
      <c r="V6" s="372"/>
      <c r="W6" s="372"/>
      <c r="X6" s="372"/>
      <c r="Y6" s="372"/>
      <c r="Z6" s="372"/>
      <c r="AA6" s="372"/>
      <c r="AB6" s="372"/>
      <c r="AC6" s="454"/>
    </row>
    <row r="7" spans="2:32" ht="23.25" customHeight="1" x14ac:dyDescent="0.15">
      <c r="B7" s="543" t="s">
        <v>499</v>
      </c>
      <c r="C7" s="543"/>
      <c r="D7" s="543"/>
      <c r="E7" s="543"/>
      <c r="F7" s="543"/>
      <c r="G7" s="82" t="s">
        <v>0</v>
      </c>
      <c r="H7" s="206" t="s">
        <v>17</v>
      </c>
      <c r="I7" s="206"/>
      <c r="J7" s="206"/>
      <c r="K7" s="206"/>
      <c r="L7" s="82" t="s">
        <v>0</v>
      </c>
      <c r="M7" s="206" t="s">
        <v>500</v>
      </c>
      <c r="N7" s="206"/>
      <c r="O7" s="206"/>
      <c r="P7" s="206"/>
      <c r="Q7" s="82" t="s">
        <v>0</v>
      </c>
      <c r="R7" s="206" t="s">
        <v>501</v>
      </c>
      <c r="S7" s="206"/>
      <c r="T7" s="206"/>
      <c r="U7" s="206"/>
      <c r="V7" s="206"/>
      <c r="W7" s="206"/>
      <c r="X7" s="206"/>
      <c r="Y7" s="206"/>
      <c r="Z7" s="206"/>
      <c r="AA7" s="100"/>
      <c r="AB7" s="100"/>
      <c r="AC7" s="101"/>
    </row>
    <row r="8" spans="2:32" ht="20.100000000000001" customHeight="1" x14ac:dyDescent="0.15">
      <c r="B8" s="410" t="s">
        <v>502</v>
      </c>
      <c r="C8" s="415"/>
      <c r="D8" s="415"/>
      <c r="E8" s="415"/>
      <c r="F8" s="453"/>
      <c r="G8" s="82" t="s">
        <v>0</v>
      </c>
      <c r="H8" s="372" t="s">
        <v>108</v>
      </c>
      <c r="I8" s="372"/>
      <c r="J8" s="372"/>
      <c r="K8" s="372"/>
      <c r="L8" s="372"/>
      <c r="M8" s="372"/>
      <c r="N8" s="372"/>
      <c r="O8" s="372"/>
      <c r="P8" s="372"/>
      <c r="Q8" s="77"/>
      <c r="R8" s="82" t="s">
        <v>0</v>
      </c>
      <c r="S8" s="372" t="s">
        <v>503</v>
      </c>
      <c r="T8" s="372"/>
      <c r="U8" s="372"/>
      <c r="V8" s="372"/>
      <c r="W8" s="372"/>
      <c r="X8" s="372"/>
      <c r="Y8" s="372"/>
      <c r="Z8" s="372"/>
      <c r="AA8" s="372"/>
      <c r="AB8" s="372"/>
      <c r="AC8" s="454"/>
    </row>
    <row r="10" spans="2:32" x14ac:dyDescent="0.15">
      <c r="B10" s="99"/>
      <c r="C10" s="100"/>
      <c r="D10" s="100"/>
      <c r="E10" s="100"/>
      <c r="F10" s="100"/>
      <c r="G10" s="100"/>
      <c r="H10" s="100"/>
      <c r="I10" s="100"/>
      <c r="J10" s="100"/>
      <c r="K10" s="100"/>
      <c r="L10" s="100"/>
      <c r="M10" s="100"/>
      <c r="N10" s="100"/>
      <c r="O10" s="100"/>
      <c r="P10" s="100"/>
      <c r="Q10" s="100"/>
      <c r="R10" s="100"/>
      <c r="S10" s="100"/>
      <c r="T10" s="100"/>
      <c r="U10" s="100"/>
      <c r="V10" s="100"/>
      <c r="W10" s="100"/>
      <c r="X10" s="101"/>
      <c r="Y10" s="100"/>
      <c r="Z10" s="100"/>
      <c r="AA10" s="100"/>
      <c r="AB10" s="100"/>
      <c r="AC10" s="101"/>
      <c r="AD10"/>
      <c r="AE10"/>
      <c r="AF10"/>
    </row>
    <row r="11" spans="2:32" x14ac:dyDescent="0.15">
      <c r="B11" s="3" t="s">
        <v>504</v>
      </c>
      <c r="X11" s="80"/>
      <c r="Z11" s="31" t="s">
        <v>20</v>
      </c>
      <c r="AA11" s="31" t="s">
        <v>505</v>
      </c>
      <c r="AB11" s="31" t="s">
        <v>21</v>
      </c>
      <c r="AC11" s="80"/>
      <c r="AD11"/>
      <c r="AE11"/>
      <c r="AF11"/>
    </row>
    <row r="12" spans="2:32" x14ac:dyDescent="0.15">
      <c r="B12" s="3"/>
      <c r="X12" s="80"/>
      <c r="AC12" s="80"/>
      <c r="AD12"/>
      <c r="AE12"/>
      <c r="AF12"/>
    </row>
    <row r="13" spans="2:32" ht="53.25" customHeight="1" x14ac:dyDescent="0.15">
      <c r="B13" s="3"/>
      <c r="C13" s="81">
        <v>1</v>
      </c>
      <c r="D13" s="532" t="s">
        <v>506</v>
      </c>
      <c r="E13" s="532"/>
      <c r="F13" s="533"/>
      <c r="G13" s="534" t="s">
        <v>507</v>
      </c>
      <c r="H13" s="534"/>
      <c r="I13" s="534"/>
      <c r="J13" s="534"/>
      <c r="K13" s="534"/>
      <c r="L13" s="534"/>
      <c r="M13" s="534"/>
      <c r="N13" s="534"/>
      <c r="O13" s="534"/>
      <c r="P13" s="534"/>
      <c r="Q13" s="534"/>
      <c r="R13" s="534"/>
      <c r="S13" s="534"/>
      <c r="T13" s="534"/>
      <c r="U13" s="534"/>
      <c r="V13" s="534"/>
      <c r="W13" s="535"/>
      <c r="X13" s="80"/>
      <c r="Z13" s="75" t="s">
        <v>0</v>
      </c>
      <c r="AA13" s="75" t="s">
        <v>505</v>
      </c>
      <c r="AB13" s="75" t="s">
        <v>0</v>
      </c>
      <c r="AC13" s="2"/>
    </row>
    <row r="14" spans="2:32" x14ac:dyDescent="0.15">
      <c r="B14" s="3"/>
      <c r="X14" s="80"/>
      <c r="Z14" s="75"/>
      <c r="AA14" s="75"/>
      <c r="AB14" s="75"/>
      <c r="AC14" s="87"/>
    </row>
    <row r="15" spans="2:32" ht="47.25" customHeight="1" x14ac:dyDescent="0.15">
      <c r="B15" s="3"/>
      <c r="C15" s="81">
        <v>2</v>
      </c>
      <c r="D15" s="532" t="s">
        <v>508</v>
      </c>
      <c r="E15" s="532"/>
      <c r="F15" s="533"/>
      <c r="G15" s="536" t="s">
        <v>509</v>
      </c>
      <c r="H15" s="534"/>
      <c r="I15" s="534"/>
      <c r="J15" s="534"/>
      <c r="K15" s="534"/>
      <c r="L15" s="534"/>
      <c r="M15" s="534"/>
      <c r="N15" s="534"/>
      <c r="O15" s="534"/>
      <c r="P15" s="534"/>
      <c r="Q15" s="534"/>
      <c r="R15" s="534"/>
      <c r="S15" s="534"/>
      <c r="T15" s="534"/>
      <c r="U15" s="534"/>
      <c r="V15" s="534"/>
      <c r="W15" s="535"/>
      <c r="X15" s="80"/>
      <c r="Z15" s="75" t="s">
        <v>0</v>
      </c>
      <c r="AA15" s="75" t="s">
        <v>388</v>
      </c>
      <c r="AB15" s="75" t="s">
        <v>0</v>
      </c>
      <c r="AC15" s="2"/>
    </row>
    <row r="16" spans="2:32" x14ac:dyDescent="0.15">
      <c r="B16" s="3"/>
      <c r="X16" s="80"/>
      <c r="Z16" s="75"/>
      <c r="AA16" s="75"/>
      <c r="AB16" s="75"/>
      <c r="AC16" s="87"/>
    </row>
    <row r="17" spans="2:32" ht="28.15" customHeight="1" x14ac:dyDescent="0.15">
      <c r="B17" s="3"/>
      <c r="C17" s="397">
        <v>3</v>
      </c>
      <c r="D17" s="398" t="s">
        <v>510</v>
      </c>
      <c r="E17" s="398"/>
      <c r="F17" s="399"/>
      <c r="G17" s="537" t="s">
        <v>511</v>
      </c>
      <c r="H17" s="538"/>
      <c r="I17" s="538"/>
      <c r="J17" s="538"/>
      <c r="K17" s="538"/>
      <c r="L17" s="538"/>
      <c r="M17" s="538"/>
      <c r="N17" s="538"/>
      <c r="O17" s="538"/>
      <c r="P17" s="538"/>
      <c r="Q17" s="538"/>
      <c r="R17" s="538"/>
      <c r="S17" s="538"/>
      <c r="T17" s="538"/>
      <c r="U17" s="538"/>
      <c r="V17" s="538"/>
      <c r="W17" s="539"/>
      <c r="X17" s="80"/>
      <c r="Z17" s="105"/>
      <c r="AA17" s="75"/>
      <c r="AB17" s="105"/>
      <c r="AC17" s="2"/>
    </row>
    <row r="18" spans="2:32" ht="17.25" customHeight="1" x14ac:dyDescent="0.15">
      <c r="B18" s="3"/>
      <c r="C18" s="400"/>
      <c r="D18" s="401"/>
      <c r="E18" s="401"/>
      <c r="F18" s="402"/>
      <c r="G18" s="264" t="s">
        <v>512</v>
      </c>
      <c r="H18" s="4"/>
      <c r="I18" s="4"/>
      <c r="J18" s="4"/>
      <c r="K18" s="4"/>
      <c r="L18" s="4"/>
      <c r="M18" s="4"/>
      <c r="N18" s="4"/>
      <c r="O18" s="4"/>
      <c r="P18" s="4"/>
      <c r="Q18" s="4"/>
      <c r="R18" s="4"/>
      <c r="S18" s="4"/>
      <c r="T18" s="4"/>
      <c r="U18" s="4"/>
      <c r="V18" s="4"/>
      <c r="W18" s="2"/>
      <c r="X18" s="80"/>
      <c r="Z18" s="75" t="s">
        <v>0</v>
      </c>
      <c r="AA18" s="75" t="s">
        <v>379</v>
      </c>
      <c r="AB18" s="75" t="s">
        <v>0</v>
      </c>
      <c r="AC18" s="2"/>
    </row>
    <row r="19" spans="2:32" ht="17.25" customHeight="1" x14ac:dyDescent="0.15">
      <c r="B19" s="3"/>
      <c r="C19" s="400"/>
      <c r="D19" s="401"/>
      <c r="E19" s="401"/>
      <c r="F19" s="402"/>
      <c r="G19" s="3"/>
      <c r="W19" s="80"/>
      <c r="X19" s="80"/>
      <c r="Z19" s="105"/>
      <c r="AA19" s="75"/>
      <c r="AB19" s="105"/>
      <c r="AC19" s="2"/>
    </row>
    <row r="20" spans="2:32" ht="17.25" customHeight="1" x14ac:dyDescent="0.15">
      <c r="B20" s="3"/>
      <c r="C20" s="400"/>
      <c r="D20" s="401"/>
      <c r="E20" s="401"/>
      <c r="F20" s="402"/>
      <c r="G20" s="540" t="s">
        <v>513</v>
      </c>
      <c r="H20" s="541"/>
      <c r="I20" s="541"/>
      <c r="J20" s="541"/>
      <c r="K20" s="541"/>
      <c r="L20" s="541"/>
      <c r="M20" s="541"/>
      <c r="N20" s="541"/>
      <c r="O20" s="541"/>
      <c r="P20" s="541"/>
      <c r="Q20" s="541"/>
      <c r="R20" s="541"/>
      <c r="S20" s="541"/>
      <c r="T20" s="541"/>
      <c r="U20" s="541"/>
      <c r="V20" s="541"/>
      <c r="W20" s="542"/>
      <c r="X20" s="80"/>
      <c r="Z20" s="105"/>
      <c r="AA20" s="75"/>
      <c r="AB20" s="105"/>
      <c r="AC20" s="2"/>
    </row>
    <row r="21" spans="2:32" ht="17.25" customHeight="1" x14ac:dyDescent="0.15">
      <c r="B21" s="3"/>
      <c r="C21" s="400"/>
      <c r="D21" s="401"/>
      <c r="E21" s="401"/>
      <c r="F21" s="402"/>
      <c r="G21" s="264" t="s">
        <v>514</v>
      </c>
      <c r="H21" s="4"/>
      <c r="I21" s="4"/>
      <c r="J21" s="4"/>
      <c r="K21" s="4"/>
      <c r="L21" s="4"/>
      <c r="M21" s="4"/>
      <c r="N21" s="4"/>
      <c r="O21" s="4"/>
      <c r="P21" s="4"/>
      <c r="Q21" s="4"/>
      <c r="R21" s="4"/>
      <c r="S21" s="4"/>
      <c r="T21" s="4"/>
      <c r="U21" s="4"/>
      <c r="V21" s="4"/>
      <c r="W21" s="2"/>
      <c r="X21" s="80"/>
      <c r="Z21" s="75" t="s">
        <v>0</v>
      </c>
      <c r="AA21" s="75" t="s">
        <v>22</v>
      </c>
      <c r="AB21" s="75" t="s">
        <v>0</v>
      </c>
      <c r="AC21" s="2"/>
    </row>
    <row r="22" spans="2:32" ht="17.25" customHeight="1" x14ac:dyDescent="0.15">
      <c r="B22" s="3"/>
      <c r="C22" s="400"/>
      <c r="D22" s="401"/>
      <c r="E22" s="401"/>
      <c r="F22" s="402"/>
      <c r="G22" s="3"/>
      <c r="H22" s="76" t="s">
        <v>515</v>
      </c>
      <c r="I22" s="372" t="s">
        <v>516</v>
      </c>
      <c r="J22" s="372"/>
      <c r="K22" s="372"/>
      <c r="L22" s="372"/>
      <c r="M22" s="372"/>
      <c r="N22" s="372"/>
      <c r="O22" s="372"/>
      <c r="P22" s="372"/>
      <c r="Q22" s="372"/>
      <c r="R22" s="372"/>
      <c r="S22" s="372"/>
      <c r="T22" s="410"/>
      <c r="U22" s="453"/>
      <c r="V22" s="78" t="s">
        <v>210</v>
      </c>
      <c r="X22" s="96"/>
      <c r="Z22" s="105"/>
      <c r="AA22" s="75"/>
      <c r="AB22" s="105"/>
      <c r="AC22" s="2"/>
    </row>
    <row r="23" spans="2:32" ht="31.5" customHeight="1" x14ac:dyDescent="0.15">
      <c r="B23" s="3"/>
      <c r="C23" s="400"/>
      <c r="D23" s="401"/>
      <c r="E23" s="401"/>
      <c r="F23" s="402"/>
      <c r="G23" s="96"/>
      <c r="H23" s="76" t="s">
        <v>373</v>
      </c>
      <c r="I23" s="534" t="s">
        <v>517</v>
      </c>
      <c r="J23" s="534"/>
      <c r="K23" s="534"/>
      <c r="L23" s="534"/>
      <c r="M23" s="534"/>
      <c r="N23" s="534"/>
      <c r="O23" s="534"/>
      <c r="P23" s="534"/>
      <c r="Q23" s="534"/>
      <c r="R23" s="534"/>
      <c r="S23" s="535"/>
      <c r="T23" s="410"/>
      <c r="U23" s="453"/>
      <c r="V23" s="78" t="s">
        <v>210</v>
      </c>
      <c r="X23" s="96"/>
      <c r="Z23" s="105"/>
      <c r="AA23" s="75"/>
      <c r="AB23" s="105"/>
      <c r="AC23" s="2"/>
    </row>
    <row r="24" spans="2:32" ht="17.25" customHeight="1" x14ac:dyDescent="0.15">
      <c r="B24" s="3"/>
      <c r="C24" s="400"/>
      <c r="D24" s="401"/>
      <c r="E24" s="401"/>
      <c r="F24" s="402"/>
      <c r="G24" s="3"/>
      <c r="W24" s="80"/>
      <c r="X24" s="80"/>
      <c r="Z24" s="4"/>
      <c r="AA24" s="4"/>
      <c r="AB24" s="4"/>
      <c r="AC24" s="2"/>
    </row>
    <row r="25" spans="2:32" ht="17.25" customHeight="1" x14ac:dyDescent="0.15">
      <c r="B25" s="3"/>
      <c r="C25" s="400"/>
      <c r="D25" s="401"/>
      <c r="E25" s="401"/>
      <c r="F25" s="402"/>
      <c r="G25" s="264" t="s">
        <v>518</v>
      </c>
      <c r="H25" s="4"/>
      <c r="I25" s="4"/>
      <c r="J25" s="4"/>
      <c r="K25" s="4"/>
      <c r="L25" s="4"/>
      <c r="M25" s="4"/>
      <c r="N25" s="4"/>
      <c r="O25" s="4"/>
      <c r="P25" s="4"/>
      <c r="Q25" s="4"/>
      <c r="R25" s="4"/>
      <c r="S25" s="4"/>
      <c r="T25" s="4"/>
      <c r="U25" s="4"/>
      <c r="V25" s="4"/>
      <c r="W25" s="2"/>
      <c r="X25" s="2"/>
      <c r="Z25" s="75" t="s">
        <v>0</v>
      </c>
      <c r="AA25" s="75" t="s">
        <v>505</v>
      </c>
      <c r="AB25" s="75" t="s">
        <v>0</v>
      </c>
      <c r="AC25" s="2"/>
    </row>
    <row r="26" spans="2:32" ht="17.25" customHeight="1" x14ac:dyDescent="0.15">
      <c r="B26" s="3"/>
      <c r="C26" s="403"/>
      <c r="D26" s="404"/>
      <c r="E26" s="404"/>
      <c r="F26" s="405"/>
      <c r="G26" s="265"/>
      <c r="H26" s="266"/>
      <c r="I26" s="266"/>
      <c r="J26" s="103"/>
      <c r="K26" s="103"/>
      <c r="L26" s="103"/>
      <c r="M26" s="103"/>
      <c r="N26" s="103"/>
      <c r="O26" s="103"/>
      <c r="P26" s="103"/>
      <c r="Q26" s="103"/>
      <c r="R26" s="103"/>
      <c r="S26" s="103"/>
      <c r="T26" s="103"/>
      <c r="U26" s="103"/>
      <c r="V26" s="103"/>
      <c r="W26" s="104"/>
      <c r="X26" s="80"/>
      <c r="Z26" s="105"/>
      <c r="AA26" s="75"/>
      <c r="AB26" s="105"/>
      <c r="AC26" s="2"/>
    </row>
    <row r="27" spans="2:32" ht="17.25" customHeight="1" x14ac:dyDescent="0.15">
      <c r="B27" s="3"/>
      <c r="D27" s="213"/>
      <c r="E27" s="213"/>
      <c r="F27" s="213"/>
      <c r="X27" s="80"/>
      <c r="Z27" s="105"/>
      <c r="AA27" s="75"/>
      <c r="AB27" s="105"/>
      <c r="AC27" s="2"/>
    </row>
    <row r="28" spans="2:32" x14ac:dyDescent="0.15">
      <c r="B28" s="102"/>
      <c r="C28" s="103"/>
      <c r="D28" s="103"/>
      <c r="E28" s="103"/>
      <c r="F28" s="103"/>
      <c r="G28" s="103"/>
      <c r="H28" s="103"/>
      <c r="I28" s="103"/>
      <c r="J28" s="103"/>
      <c r="K28" s="103"/>
      <c r="L28" s="103"/>
      <c r="M28" s="103"/>
      <c r="N28" s="103"/>
      <c r="O28" s="103"/>
      <c r="P28" s="103"/>
      <c r="Q28" s="103"/>
      <c r="R28" s="103"/>
      <c r="S28" s="103"/>
      <c r="T28" s="103"/>
      <c r="U28" s="103"/>
      <c r="V28" s="103"/>
      <c r="W28" s="103"/>
      <c r="X28" s="104"/>
      <c r="Y28" s="103"/>
      <c r="Z28" s="103"/>
      <c r="AA28" s="103"/>
      <c r="AB28" s="103"/>
      <c r="AC28" s="104"/>
    </row>
    <row r="30" spans="2:32" ht="7.5" customHeight="1" x14ac:dyDescent="0.15">
      <c r="Z30" s="4"/>
      <c r="AA30" s="4"/>
      <c r="AB30" s="4"/>
      <c r="AC30" s="4"/>
    </row>
    <row r="31" spans="2:32" x14ac:dyDescent="0.15">
      <c r="B31" s="79" t="s">
        <v>519</v>
      </c>
    </row>
    <row r="32" spans="2:32" x14ac:dyDescent="0.15">
      <c r="B32" s="79" t="s">
        <v>23</v>
      </c>
      <c r="K32"/>
      <c r="L32"/>
      <c r="M32"/>
      <c r="N32"/>
      <c r="O32"/>
      <c r="P32"/>
      <c r="Q32"/>
      <c r="R32"/>
      <c r="S32"/>
      <c r="T32"/>
      <c r="U32"/>
      <c r="V32"/>
      <c r="W32"/>
      <c r="X32"/>
      <c r="Y32"/>
      <c r="Z32"/>
      <c r="AA32"/>
      <c r="AB32"/>
      <c r="AC32"/>
      <c r="AD32"/>
      <c r="AE32"/>
      <c r="AF32"/>
    </row>
    <row r="122" spans="3:7" x14ac:dyDescent="0.15">
      <c r="C122" s="103"/>
      <c r="D122" s="103"/>
      <c r="E122" s="103"/>
      <c r="F122" s="103"/>
      <c r="G122" s="103"/>
    </row>
    <row r="123" spans="3:7" x14ac:dyDescent="0.15">
      <c r="C123" s="100"/>
    </row>
  </sheetData>
  <mergeCells count="19">
    <mergeCell ref="B4:AC4"/>
    <mergeCell ref="B6:F6"/>
    <mergeCell ref="G6:AC6"/>
    <mergeCell ref="B7:F7"/>
    <mergeCell ref="B8:F8"/>
    <mergeCell ref="H8:P8"/>
    <mergeCell ref="S8:AC8"/>
    <mergeCell ref="D13:F13"/>
    <mergeCell ref="G13:W13"/>
    <mergeCell ref="D15:F15"/>
    <mergeCell ref="G15:W15"/>
    <mergeCell ref="C17:C26"/>
    <mergeCell ref="D17:F26"/>
    <mergeCell ref="G17:W17"/>
    <mergeCell ref="G20:W20"/>
    <mergeCell ref="I22:S22"/>
    <mergeCell ref="T22:U22"/>
    <mergeCell ref="I23:S23"/>
    <mergeCell ref="T23:U23"/>
  </mergeCells>
  <phoneticPr fontId="3"/>
  <dataValidations count="1">
    <dataValidation type="list" allowBlank="1" showInputMessage="1" showErrorMessage="1" sqref="Z13 AB13 Z15 AB15 Z18 AB18 Z21 AB21 Z25 AB25 L7 G7:G8 Q7 R8">
      <formula1>"□,■"</formula1>
    </dataValidation>
  </dataValidations>
  <pageMargins left="0.7" right="0.7" top="0.75" bottom="0.75" header="0.3" footer="0.3"/>
  <pageSetup paperSize="9" scale="83"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23"/>
  <sheetViews>
    <sheetView view="pageBreakPreview" topLeftCell="A7" zoomScaleNormal="100" zoomScaleSheetLayoutView="100" workbookViewId="0">
      <selection activeCell="B3" sqref="B3:AC3"/>
    </sheetView>
  </sheetViews>
  <sheetFormatPr defaultColWidth="3.5" defaultRowHeight="13.5" x14ac:dyDescent="0.15"/>
  <cols>
    <col min="1" max="1" width="1.25" style="7" customWidth="1"/>
    <col min="2" max="2" width="4.125" style="109" customWidth="1"/>
    <col min="3" max="6" width="4.125" style="7" customWidth="1"/>
    <col min="7" max="7" width="1.5" style="7" customWidth="1"/>
    <col min="8" max="25" width="3.5" style="7"/>
    <col min="26" max="26" width="1" style="7" customWidth="1"/>
    <col min="27" max="27" width="4" style="7" customWidth="1"/>
    <col min="28" max="28" width="2.375" style="7" customWidth="1"/>
    <col min="29" max="29" width="4" style="7" customWidth="1"/>
    <col min="30" max="30" width="1.25" style="7" customWidth="1"/>
    <col min="31" max="16384" width="3.5" style="7"/>
  </cols>
  <sheetData>
    <row r="1" spans="2:37" s="79" customFormat="1" x14ac:dyDescent="0.15"/>
    <row r="2" spans="2:37" s="79" customFormat="1" x14ac:dyDescent="0.15">
      <c r="B2" s="79" t="s">
        <v>355</v>
      </c>
    </row>
    <row r="3" spans="2:37" s="79" customFormat="1" ht="47.25" customHeight="1" x14ac:dyDescent="0.15">
      <c r="B3" s="401" t="s">
        <v>356</v>
      </c>
      <c r="C3" s="371"/>
      <c r="D3" s="371"/>
      <c r="E3" s="371"/>
      <c r="F3" s="371"/>
      <c r="G3" s="371"/>
      <c r="H3" s="371"/>
      <c r="I3" s="371"/>
      <c r="J3" s="371"/>
      <c r="K3" s="371"/>
      <c r="L3" s="371"/>
      <c r="M3" s="371"/>
      <c r="N3" s="371"/>
      <c r="O3" s="371"/>
      <c r="P3" s="371"/>
      <c r="Q3" s="371"/>
      <c r="R3" s="371"/>
      <c r="S3" s="371"/>
      <c r="T3" s="371"/>
      <c r="U3" s="371"/>
      <c r="V3" s="371"/>
      <c r="W3" s="371"/>
      <c r="X3" s="371"/>
      <c r="Y3" s="371"/>
      <c r="Z3" s="371"/>
      <c r="AA3" s="371"/>
      <c r="AB3" s="371"/>
      <c r="AC3" s="371"/>
    </row>
    <row r="4" spans="2:37" s="79" customFormat="1" ht="23.25" customHeight="1" x14ac:dyDescent="0.15">
      <c r="B4" s="409" t="s">
        <v>26</v>
      </c>
      <c r="C4" s="409"/>
      <c r="D4" s="409"/>
      <c r="E4" s="409"/>
      <c r="F4" s="409"/>
      <c r="G4" s="410"/>
      <c r="H4" s="415"/>
      <c r="I4" s="415"/>
      <c r="J4" s="415"/>
      <c r="K4" s="415"/>
      <c r="L4" s="415"/>
      <c r="M4" s="415"/>
      <c r="N4" s="415"/>
      <c r="O4" s="415"/>
      <c r="P4" s="415"/>
      <c r="Q4" s="415"/>
      <c r="R4" s="415"/>
      <c r="S4" s="415"/>
      <c r="T4" s="415"/>
      <c r="U4" s="415"/>
      <c r="V4" s="415"/>
      <c r="W4" s="415"/>
      <c r="X4" s="415"/>
      <c r="Y4" s="415"/>
      <c r="Z4" s="415"/>
      <c r="AA4" s="415"/>
      <c r="AB4" s="415"/>
      <c r="AC4" s="453"/>
    </row>
    <row r="5" spans="2:37" s="79" customFormat="1" ht="23.25" customHeight="1" x14ac:dyDescent="0.15">
      <c r="B5" s="410" t="s">
        <v>16</v>
      </c>
      <c r="C5" s="415"/>
      <c r="D5" s="415"/>
      <c r="E5" s="415"/>
      <c r="F5" s="453"/>
      <c r="G5" s="76"/>
      <c r="H5" s="82" t="s">
        <v>0</v>
      </c>
      <c r="I5" s="106" t="s">
        <v>17</v>
      </c>
      <c r="J5" s="106"/>
      <c r="K5" s="106"/>
      <c r="L5" s="106"/>
      <c r="M5" s="75" t="s">
        <v>0</v>
      </c>
      <c r="N5" s="106" t="s">
        <v>18</v>
      </c>
      <c r="O5" s="106"/>
      <c r="P5" s="106"/>
      <c r="Q5" s="106"/>
      <c r="R5" s="75" t="s">
        <v>0</v>
      </c>
      <c r="S5" s="106" t="s">
        <v>19</v>
      </c>
      <c r="T5" s="106"/>
      <c r="U5" s="106"/>
      <c r="V5" s="82"/>
      <c r="W5" s="82"/>
      <c r="X5" s="82"/>
      <c r="Y5" s="82"/>
      <c r="Z5" s="82"/>
      <c r="AA5" s="82"/>
      <c r="AB5" s="82"/>
      <c r="AC5" s="83"/>
    </row>
    <row r="6" spans="2:37" s="79" customFormat="1" ht="23.25" customHeight="1" x14ac:dyDescent="0.15">
      <c r="B6" s="455" t="s">
        <v>357</v>
      </c>
      <c r="C6" s="456"/>
      <c r="D6" s="456"/>
      <c r="E6" s="456"/>
      <c r="F6" s="457"/>
      <c r="G6" s="99"/>
      <c r="H6" s="75" t="s">
        <v>0</v>
      </c>
      <c r="I6" s="100" t="s">
        <v>358</v>
      </c>
      <c r="J6" s="206"/>
      <c r="K6" s="206"/>
      <c r="L6" s="206"/>
      <c r="M6" s="206"/>
      <c r="N6" s="206"/>
      <c r="O6" s="206"/>
      <c r="P6" s="206"/>
      <c r="Q6" s="75" t="s">
        <v>0</v>
      </c>
      <c r="R6" s="100" t="s">
        <v>359</v>
      </c>
      <c r="S6" s="206"/>
      <c r="T6" s="206"/>
      <c r="U6" s="206"/>
      <c r="V6" s="84"/>
      <c r="W6" s="84"/>
      <c r="X6" s="84"/>
      <c r="Y6" s="84"/>
      <c r="Z6" s="84"/>
      <c r="AA6" s="84"/>
      <c r="AB6" s="84"/>
      <c r="AC6" s="85"/>
    </row>
    <row r="7" spans="2:37" s="79" customFormat="1" ht="23.25" customHeight="1" x14ac:dyDescent="0.15">
      <c r="B7" s="416"/>
      <c r="C7" s="417"/>
      <c r="D7" s="417"/>
      <c r="E7" s="417"/>
      <c r="F7" s="460"/>
      <c r="G7" s="102"/>
      <c r="H7" s="92" t="s">
        <v>0</v>
      </c>
      <c r="I7" s="103" t="s">
        <v>360</v>
      </c>
      <c r="J7" s="207"/>
      <c r="K7" s="207"/>
      <c r="L7" s="207"/>
      <c r="M7" s="207"/>
      <c r="N7" s="207"/>
      <c r="O7" s="207"/>
      <c r="P7" s="207"/>
      <c r="Q7" s="92" t="s">
        <v>0</v>
      </c>
      <c r="R7" s="103" t="s">
        <v>361</v>
      </c>
      <c r="S7" s="207"/>
      <c r="T7" s="207"/>
      <c r="U7" s="207"/>
      <c r="V7" s="92"/>
      <c r="W7" s="92"/>
      <c r="X7" s="92"/>
      <c r="Y7" s="92"/>
      <c r="Z7" s="92"/>
      <c r="AA7" s="92"/>
      <c r="AB7" s="92"/>
      <c r="AC7" s="93"/>
    </row>
    <row r="8" spans="2:37" s="79" customFormat="1" x14ac:dyDescent="0.15"/>
    <row r="9" spans="2:37" s="79" customFormat="1" x14ac:dyDescent="0.15">
      <c r="B9" s="79" t="s">
        <v>362</v>
      </c>
    </row>
    <row r="10" spans="2:37" s="79" customFormat="1" ht="7.5" customHeight="1" x14ac:dyDescent="0.15"/>
    <row r="11" spans="2:37" s="79" customFormat="1" ht="10.5" customHeight="1" x14ac:dyDescent="0.15">
      <c r="B11" s="99"/>
      <c r="C11" s="100"/>
      <c r="D11" s="100"/>
      <c r="E11" s="100"/>
      <c r="F11" s="101"/>
      <c r="G11" s="100"/>
      <c r="H11" s="100"/>
      <c r="I11" s="100"/>
      <c r="J11" s="100"/>
      <c r="K11" s="100"/>
      <c r="L11" s="100"/>
      <c r="M11" s="100"/>
      <c r="N11" s="100"/>
      <c r="O11" s="100"/>
      <c r="P11" s="100"/>
      <c r="Q11" s="100"/>
      <c r="R11" s="100"/>
      <c r="S11" s="100"/>
      <c r="T11" s="100"/>
      <c r="U11" s="100"/>
      <c r="V11" s="100"/>
      <c r="W11" s="100"/>
      <c r="X11" s="100"/>
      <c r="Y11" s="100"/>
      <c r="Z11" s="100"/>
      <c r="AA11" s="99"/>
      <c r="AB11" s="100"/>
      <c r="AC11" s="101"/>
    </row>
    <row r="12" spans="2:37" s="79" customFormat="1" ht="30" customHeight="1" x14ac:dyDescent="0.15">
      <c r="B12" s="382" t="s">
        <v>363</v>
      </c>
      <c r="C12" s="383"/>
      <c r="D12" s="383"/>
      <c r="E12" s="383"/>
      <c r="F12" s="384"/>
      <c r="H12" s="208" t="s">
        <v>338</v>
      </c>
      <c r="I12" s="551" t="s">
        <v>364</v>
      </c>
      <c r="J12" s="552"/>
      <c r="K12" s="552"/>
      <c r="L12" s="552"/>
      <c r="M12" s="552"/>
      <c r="N12" s="552"/>
      <c r="O12" s="552"/>
      <c r="P12" s="552"/>
      <c r="Q12" s="552"/>
      <c r="R12" s="552"/>
      <c r="S12" s="410"/>
      <c r="T12" s="415"/>
      <c r="U12" s="83" t="s">
        <v>210</v>
      </c>
      <c r="V12" s="75"/>
      <c r="W12" s="75"/>
      <c r="X12" s="75"/>
      <c r="Y12" s="75"/>
      <c r="AA12" s="209" t="s">
        <v>20</v>
      </c>
      <c r="AB12" s="210" t="s">
        <v>365</v>
      </c>
      <c r="AC12" s="211" t="s">
        <v>21</v>
      </c>
      <c r="AK12" s="4"/>
    </row>
    <row r="13" spans="2:37" s="79" customFormat="1" ht="43.5" customHeight="1" x14ac:dyDescent="0.15">
      <c r="B13" s="382"/>
      <c r="C13" s="383"/>
      <c r="D13" s="383"/>
      <c r="E13" s="383"/>
      <c r="F13" s="384"/>
      <c r="H13" s="208" t="s">
        <v>366</v>
      </c>
      <c r="I13" s="547" t="s">
        <v>367</v>
      </c>
      <c r="J13" s="548"/>
      <c r="K13" s="548"/>
      <c r="L13" s="548"/>
      <c r="M13" s="548"/>
      <c r="N13" s="548"/>
      <c r="O13" s="548"/>
      <c r="P13" s="548"/>
      <c r="Q13" s="548"/>
      <c r="R13" s="549"/>
      <c r="S13" s="410"/>
      <c r="T13" s="415"/>
      <c r="U13" s="83" t="s">
        <v>210</v>
      </c>
      <c r="V13" s="79" t="s">
        <v>368</v>
      </c>
      <c r="W13" s="392" t="s">
        <v>369</v>
      </c>
      <c r="X13" s="392"/>
      <c r="Y13" s="392"/>
      <c r="Z13" s="73"/>
      <c r="AA13" s="86" t="s">
        <v>0</v>
      </c>
      <c r="AB13" s="75" t="s">
        <v>365</v>
      </c>
      <c r="AC13" s="87" t="s">
        <v>0</v>
      </c>
      <c r="AK13" s="4"/>
    </row>
    <row r="14" spans="2:37" s="79" customFormat="1" ht="7.5" customHeight="1" x14ac:dyDescent="0.15">
      <c r="B14" s="102"/>
      <c r="C14" s="103"/>
      <c r="D14" s="103"/>
      <c r="E14" s="103"/>
      <c r="F14" s="104"/>
      <c r="G14" s="103"/>
      <c r="H14" s="103"/>
      <c r="I14" s="103"/>
      <c r="J14" s="103"/>
      <c r="K14" s="103"/>
      <c r="L14" s="103"/>
      <c r="M14" s="103"/>
      <c r="N14" s="103"/>
      <c r="O14" s="103"/>
      <c r="P14" s="103"/>
      <c r="Q14" s="103"/>
      <c r="R14" s="103"/>
      <c r="S14" s="103"/>
      <c r="T14" s="103"/>
      <c r="U14" s="103"/>
      <c r="V14" s="103"/>
      <c r="W14" s="103"/>
      <c r="X14" s="103"/>
      <c r="Y14" s="103"/>
      <c r="Z14" s="103"/>
      <c r="AA14" s="102"/>
      <c r="AB14" s="103"/>
      <c r="AC14" s="104"/>
    </row>
    <row r="15" spans="2:37" s="79" customFormat="1" x14ac:dyDescent="0.15">
      <c r="B15" s="99"/>
      <c r="C15" s="100"/>
      <c r="D15" s="100"/>
      <c r="E15" s="100"/>
      <c r="F15" s="101"/>
      <c r="G15" s="100"/>
      <c r="H15" s="100"/>
      <c r="I15" s="100"/>
      <c r="J15" s="100"/>
      <c r="K15" s="100"/>
      <c r="L15" s="100"/>
      <c r="M15" s="100"/>
      <c r="N15" s="100"/>
      <c r="O15" s="100"/>
      <c r="P15" s="100"/>
      <c r="Q15" s="100"/>
      <c r="R15" s="100"/>
      <c r="S15" s="100"/>
      <c r="T15" s="100"/>
      <c r="U15" s="100"/>
      <c r="V15" s="100"/>
      <c r="W15" s="100"/>
      <c r="X15" s="100"/>
      <c r="Y15" s="100"/>
      <c r="Z15" s="100"/>
      <c r="AA15" s="99"/>
      <c r="AB15" s="100"/>
      <c r="AC15" s="101"/>
    </row>
    <row r="16" spans="2:37" s="79" customFormat="1" ht="30" customHeight="1" x14ac:dyDescent="0.15">
      <c r="B16" s="382" t="s">
        <v>370</v>
      </c>
      <c r="C16" s="383"/>
      <c r="D16" s="383"/>
      <c r="E16" s="383"/>
      <c r="F16" s="384"/>
      <c r="H16" s="208" t="s">
        <v>371</v>
      </c>
      <c r="I16" s="547" t="s">
        <v>372</v>
      </c>
      <c r="J16" s="548"/>
      <c r="K16" s="548"/>
      <c r="L16" s="548"/>
      <c r="M16" s="548"/>
      <c r="N16" s="548"/>
      <c r="O16" s="548"/>
      <c r="P16" s="548"/>
      <c r="Q16" s="548"/>
      <c r="R16" s="549"/>
      <c r="S16" s="410"/>
      <c r="T16" s="415"/>
      <c r="U16" s="83" t="s">
        <v>210</v>
      </c>
      <c r="V16" s="75"/>
      <c r="W16" s="75"/>
      <c r="X16" s="75"/>
      <c r="Y16" s="75"/>
      <c r="AA16" s="209" t="s">
        <v>20</v>
      </c>
      <c r="AB16" s="210" t="s">
        <v>365</v>
      </c>
      <c r="AC16" s="211" t="s">
        <v>21</v>
      </c>
      <c r="AK16" s="4"/>
    </row>
    <row r="17" spans="2:37" s="79" customFormat="1" ht="36" customHeight="1" x14ac:dyDescent="0.15">
      <c r="B17" s="382"/>
      <c r="C17" s="383"/>
      <c r="D17" s="383"/>
      <c r="E17" s="383"/>
      <c r="F17" s="384"/>
      <c r="H17" s="208" t="s">
        <v>373</v>
      </c>
      <c r="I17" s="547" t="s">
        <v>374</v>
      </c>
      <c r="J17" s="548"/>
      <c r="K17" s="548"/>
      <c r="L17" s="548"/>
      <c r="M17" s="548"/>
      <c r="N17" s="548"/>
      <c r="O17" s="548"/>
      <c r="P17" s="548"/>
      <c r="Q17" s="548"/>
      <c r="R17" s="549"/>
      <c r="S17" s="410"/>
      <c r="T17" s="415"/>
      <c r="U17" s="83" t="s">
        <v>210</v>
      </c>
      <c r="V17" s="79" t="s">
        <v>375</v>
      </c>
      <c r="W17" s="392" t="s">
        <v>376</v>
      </c>
      <c r="X17" s="392"/>
      <c r="Y17" s="392"/>
      <c r="Z17" s="73"/>
      <c r="AA17" s="86" t="s">
        <v>0</v>
      </c>
      <c r="AB17" s="75" t="s">
        <v>22</v>
      </c>
      <c r="AC17" s="87" t="s">
        <v>0</v>
      </c>
      <c r="AK17" s="4"/>
    </row>
    <row r="18" spans="2:37" s="79" customFormat="1" ht="7.5" customHeight="1" x14ac:dyDescent="0.15">
      <c r="B18" s="102"/>
      <c r="C18" s="103"/>
      <c r="D18" s="103"/>
      <c r="E18" s="103"/>
      <c r="F18" s="104"/>
      <c r="G18" s="103"/>
      <c r="H18" s="103"/>
      <c r="I18" s="103"/>
      <c r="J18" s="103"/>
      <c r="K18" s="103"/>
      <c r="L18" s="103"/>
      <c r="M18" s="103"/>
      <c r="N18" s="103"/>
      <c r="O18" s="103"/>
      <c r="P18" s="103"/>
      <c r="Q18" s="103"/>
      <c r="R18" s="103"/>
      <c r="S18" s="103"/>
      <c r="T18" s="103"/>
      <c r="U18" s="103"/>
      <c r="V18" s="103"/>
      <c r="W18" s="103"/>
      <c r="X18" s="103"/>
      <c r="Y18" s="103"/>
      <c r="Z18" s="103"/>
      <c r="AA18" s="102"/>
      <c r="AB18" s="103"/>
      <c r="AC18" s="104"/>
    </row>
    <row r="19" spans="2:37" s="79" customFormat="1" x14ac:dyDescent="0.15">
      <c r="B19" s="99"/>
      <c r="C19" s="100"/>
      <c r="D19" s="100"/>
      <c r="E19" s="100"/>
      <c r="F19" s="101"/>
      <c r="G19" s="100"/>
      <c r="H19" s="100"/>
      <c r="I19" s="100"/>
      <c r="J19" s="100"/>
      <c r="K19" s="100"/>
      <c r="L19" s="100"/>
      <c r="M19" s="100"/>
      <c r="N19" s="100"/>
      <c r="O19" s="100"/>
      <c r="P19" s="100"/>
      <c r="Q19" s="100"/>
      <c r="R19" s="100"/>
      <c r="S19" s="100"/>
      <c r="T19" s="100"/>
      <c r="U19" s="100"/>
      <c r="V19" s="100"/>
      <c r="W19" s="100"/>
      <c r="X19" s="100"/>
      <c r="Y19" s="100"/>
      <c r="Z19" s="100"/>
      <c r="AA19" s="99"/>
      <c r="AB19" s="100"/>
      <c r="AC19" s="101"/>
    </row>
    <row r="20" spans="2:37" s="79" customFormat="1" ht="30" customHeight="1" x14ac:dyDescent="0.15">
      <c r="B20" s="382" t="s">
        <v>377</v>
      </c>
      <c r="C20" s="383"/>
      <c r="D20" s="383"/>
      <c r="E20" s="383"/>
      <c r="F20" s="384"/>
      <c r="H20" s="208" t="s">
        <v>371</v>
      </c>
      <c r="I20" s="547" t="s">
        <v>378</v>
      </c>
      <c r="J20" s="548"/>
      <c r="K20" s="548"/>
      <c r="L20" s="548"/>
      <c r="M20" s="548"/>
      <c r="N20" s="548"/>
      <c r="O20" s="548"/>
      <c r="P20" s="548"/>
      <c r="Q20" s="548"/>
      <c r="R20" s="549"/>
      <c r="S20" s="410"/>
      <c r="T20" s="415"/>
      <c r="U20" s="83" t="s">
        <v>210</v>
      </c>
      <c r="V20" s="75"/>
      <c r="W20" s="75"/>
      <c r="X20" s="75"/>
      <c r="Y20" s="75"/>
      <c r="AA20" s="209" t="s">
        <v>20</v>
      </c>
      <c r="AB20" s="210" t="s">
        <v>379</v>
      </c>
      <c r="AC20" s="211" t="s">
        <v>21</v>
      </c>
      <c r="AK20" s="4"/>
    </row>
    <row r="21" spans="2:37" s="79" customFormat="1" ht="36" customHeight="1" x14ac:dyDescent="0.15">
      <c r="B21" s="382"/>
      <c r="C21" s="383"/>
      <c r="D21" s="383"/>
      <c r="E21" s="383"/>
      <c r="F21" s="384"/>
      <c r="H21" s="208" t="s">
        <v>380</v>
      </c>
      <c r="I21" s="547" t="s">
        <v>381</v>
      </c>
      <c r="J21" s="548"/>
      <c r="K21" s="548"/>
      <c r="L21" s="548"/>
      <c r="M21" s="548"/>
      <c r="N21" s="548"/>
      <c r="O21" s="548"/>
      <c r="P21" s="548"/>
      <c r="Q21" s="548"/>
      <c r="R21" s="549"/>
      <c r="S21" s="410"/>
      <c r="T21" s="415"/>
      <c r="U21" s="83" t="s">
        <v>210</v>
      </c>
      <c r="V21" s="79" t="s">
        <v>382</v>
      </c>
      <c r="W21" s="392" t="s">
        <v>383</v>
      </c>
      <c r="X21" s="392"/>
      <c r="Y21" s="392"/>
      <c r="Z21" s="73"/>
      <c r="AA21" s="86" t="s">
        <v>0</v>
      </c>
      <c r="AB21" s="75" t="s">
        <v>365</v>
      </c>
      <c r="AC21" s="87" t="s">
        <v>0</v>
      </c>
      <c r="AK21" s="4"/>
    </row>
    <row r="22" spans="2:37" s="79" customFormat="1" ht="7.5" customHeight="1" x14ac:dyDescent="0.15">
      <c r="B22" s="102"/>
      <c r="C22" s="103"/>
      <c r="D22" s="103"/>
      <c r="E22" s="103"/>
      <c r="F22" s="104"/>
      <c r="G22" s="103"/>
      <c r="V22" s="103"/>
      <c r="W22" s="103"/>
      <c r="X22" s="103"/>
      <c r="Y22" s="103"/>
      <c r="Z22" s="103"/>
      <c r="AA22" s="102"/>
      <c r="AB22" s="103"/>
      <c r="AC22" s="104"/>
    </row>
    <row r="23" spans="2:37" s="79" customFormat="1" ht="9.75" customHeight="1" x14ac:dyDescent="0.15">
      <c r="B23" s="99"/>
      <c r="C23" s="100"/>
      <c r="D23" s="100"/>
      <c r="E23" s="100"/>
      <c r="F23" s="101"/>
      <c r="G23" s="100"/>
      <c r="H23" s="100"/>
      <c r="I23" s="100"/>
      <c r="J23" s="100"/>
      <c r="K23" s="100"/>
      <c r="L23" s="100"/>
      <c r="M23" s="100"/>
      <c r="N23" s="100"/>
      <c r="O23" s="100"/>
      <c r="P23" s="100"/>
      <c r="Q23" s="100"/>
      <c r="R23" s="100"/>
      <c r="S23" s="100"/>
      <c r="T23" s="100"/>
      <c r="U23" s="100"/>
      <c r="V23" s="100"/>
      <c r="W23" s="100"/>
      <c r="X23" s="100"/>
      <c r="Y23" s="100"/>
      <c r="Z23" s="100"/>
      <c r="AA23" s="99"/>
      <c r="AB23" s="100"/>
      <c r="AC23" s="101"/>
    </row>
    <row r="24" spans="2:37" s="79" customFormat="1" ht="13.5" customHeight="1" x14ac:dyDescent="0.15">
      <c r="B24" s="212"/>
      <c r="C24" s="213"/>
      <c r="D24" s="213"/>
      <c r="E24" s="213"/>
      <c r="F24" s="184"/>
      <c r="AA24" s="209" t="s">
        <v>20</v>
      </c>
      <c r="AB24" s="210" t="s">
        <v>379</v>
      </c>
      <c r="AC24" s="211" t="s">
        <v>21</v>
      </c>
    </row>
    <row r="25" spans="2:37" s="79" customFormat="1" ht="36" customHeight="1" x14ac:dyDescent="0.15">
      <c r="B25" s="382" t="s">
        <v>384</v>
      </c>
      <c r="C25" s="383"/>
      <c r="D25" s="383"/>
      <c r="E25" s="383"/>
      <c r="F25" s="384"/>
      <c r="H25" s="208" t="s">
        <v>385</v>
      </c>
      <c r="I25" s="547" t="s">
        <v>386</v>
      </c>
      <c r="J25" s="548"/>
      <c r="K25" s="548"/>
      <c r="L25" s="548"/>
      <c r="M25" s="548"/>
      <c r="N25" s="548"/>
      <c r="O25" s="548"/>
      <c r="P25" s="548"/>
      <c r="Q25" s="548"/>
      <c r="R25" s="549"/>
      <c r="S25" s="410"/>
      <c r="T25" s="415"/>
      <c r="U25" s="83" t="s">
        <v>210</v>
      </c>
      <c r="V25" s="183" t="s">
        <v>382</v>
      </c>
      <c r="W25" s="392" t="s">
        <v>387</v>
      </c>
      <c r="X25" s="392"/>
      <c r="Y25" s="392"/>
      <c r="Z25" s="73"/>
      <c r="AA25" s="86" t="s">
        <v>0</v>
      </c>
      <c r="AB25" s="75" t="s">
        <v>365</v>
      </c>
      <c r="AC25" s="87" t="s">
        <v>0</v>
      </c>
      <c r="AK25" s="4"/>
    </row>
    <row r="26" spans="2:37" s="79" customFormat="1" ht="7.5" customHeight="1" x14ac:dyDescent="0.15">
      <c r="B26" s="180"/>
      <c r="C26" s="185"/>
      <c r="D26" s="185"/>
      <c r="E26" s="185"/>
      <c r="F26" s="186"/>
      <c r="G26" s="103"/>
      <c r="H26" s="214"/>
      <c r="I26" s="545"/>
      <c r="J26" s="545"/>
      <c r="K26" s="545"/>
      <c r="L26" s="545"/>
      <c r="M26" s="215"/>
      <c r="N26" s="215"/>
      <c r="O26" s="215"/>
      <c r="P26" s="215"/>
      <c r="Q26" s="215"/>
      <c r="R26" s="215"/>
      <c r="S26" s="103"/>
      <c r="T26" s="103"/>
      <c r="U26" s="92"/>
      <c r="V26" s="185"/>
      <c r="W26" s="216"/>
      <c r="X26" s="216"/>
      <c r="Y26" s="216"/>
      <c r="Z26" s="94"/>
      <c r="AA26" s="556"/>
      <c r="AB26" s="557"/>
      <c r="AC26" s="558"/>
      <c r="AK26" s="4"/>
    </row>
    <row r="27" spans="2:37" s="79" customFormat="1" ht="7.5" customHeight="1" x14ac:dyDescent="0.15">
      <c r="B27" s="99"/>
      <c r="C27" s="100"/>
      <c r="D27" s="100"/>
      <c r="E27" s="100"/>
      <c r="F27" s="100"/>
      <c r="G27" s="100"/>
      <c r="H27" s="100"/>
      <c r="I27" s="100"/>
      <c r="J27" s="100"/>
      <c r="K27" s="100"/>
      <c r="L27" s="100"/>
      <c r="M27" s="100"/>
      <c r="N27" s="100"/>
      <c r="O27" s="100"/>
      <c r="P27" s="100"/>
      <c r="Q27" s="100"/>
      <c r="R27" s="100"/>
      <c r="S27" s="100"/>
      <c r="T27" s="100"/>
      <c r="U27" s="100"/>
      <c r="V27" s="100"/>
      <c r="W27" s="100"/>
      <c r="X27" s="100"/>
      <c r="Y27" s="100"/>
      <c r="Z27" s="100"/>
      <c r="AA27" s="99"/>
      <c r="AB27" s="100"/>
      <c r="AC27" s="101"/>
    </row>
    <row r="28" spans="2:37" s="79" customFormat="1" x14ac:dyDescent="0.15">
      <c r="B28" s="3"/>
      <c r="AA28" s="209" t="s">
        <v>20</v>
      </c>
      <c r="AB28" s="210" t="s">
        <v>388</v>
      </c>
      <c r="AC28" s="211" t="s">
        <v>21</v>
      </c>
    </row>
    <row r="29" spans="2:37" s="79" customFormat="1" ht="21" customHeight="1" x14ac:dyDescent="0.15">
      <c r="B29" s="550" t="s">
        <v>389</v>
      </c>
      <c r="C29" s="465"/>
      <c r="D29" s="465"/>
      <c r="E29" s="465"/>
      <c r="F29" s="465"/>
      <c r="G29" s="465"/>
      <c r="H29" s="465"/>
      <c r="I29" s="465"/>
      <c r="J29" s="465"/>
      <c r="K29" s="465"/>
      <c r="L29" s="465"/>
      <c r="M29" s="465"/>
      <c r="N29" s="465"/>
      <c r="O29" s="465"/>
      <c r="P29" s="465"/>
      <c r="Q29" s="465"/>
      <c r="R29" s="465"/>
      <c r="S29" s="465"/>
      <c r="T29" s="465"/>
      <c r="U29" s="465"/>
      <c r="V29" s="465"/>
      <c r="W29" s="465"/>
      <c r="X29" s="465"/>
      <c r="Y29" s="465"/>
      <c r="Z29" s="516"/>
      <c r="AA29" s="86" t="s">
        <v>0</v>
      </c>
      <c r="AB29" s="75" t="s">
        <v>379</v>
      </c>
      <c r="AC29" s="87" t="s">
        <v>0</v>
      </c>
    </row>
    <row r="30" spans="2:37" s="79" customFormat="1" ht="4.5" customHeight="1" x14ac:dyDescent="0.15">
      <c r="B30" s="102"/>
      <c r="C30" s="103"/>
      <c r="D30" s="103"/>
      <c r="E30" s="103"/>
      <c r="F30" s="103"/>
      <c r="G30" s="103"/>
      <c r="H30" s="103"/>
      <c r="I30" s="103"/>
      <c r="J30" s="103"/>
      <c r="K30" s="103"/>
      <c r="L30" s="103"/>
      <c r="M30" s="103"/>
      <c r="N30" s="103"/>
      <c r="O30" s="103"/>
      <c r="P30" s="103"/>
      <c r="Q30" s="103"/>
      <c r="R30" s="103"/>
      <c r="S30" s="103"/>
      <c r="T30" s="103"/>
      <c r="U30" s="103"/>
      <c r="V30" s="103"/>
      <c r="W30" s="103"/>
      <c r="X30" s="103"/>
      <c r="Y30" s="103"/>
      <c r="Z30" s="103"/>
      <c r="AA30" s="102"/>
      <c r="AB30" s="103"/>
      <c r="AC30" s="104"/>
    </row>
    <row r="31" spans="2:37" s="79" customFormat="1" x14ac:dyDescent="0.15"/>
    <row r="32" spans="2:37" s="79" customFormat="1" x14ac:dyDescent="0.15">
      <c r="B32" s="79" t="s">
        <v>390</v>
      </c>
    </row>
    <row r="33" spans="2:37" s="79" customFormat="1" ht="7.5" customHeight="1" x14ac:dyDescent="0.15"/>
    <row r="34" spans="2:37" s="79" customFormat="1" ht="7.5" customHeight="1" x14ac:dyDescent="0.15">
      <c r="B34" s="99"/>
      <c r="C34" s="100"/>
      <c r="D34" s="100"/>
      <c r="E34" s="100"/>
      <c r="F34" s="101"/>
      <c r="G34" s="100"/>
      <c r="H34" s="100"/>
      <c r="I34" s="100"/>
      <c r="J34" s="100"/>
      <c r="K34" s="100"/>
      <c r="L34" s="100"/>
      <c r="M34" s="100"/>
      <c r="N34" s="100"/>
      <c r="O34" s="100"/>
      <c r="P34" s="100"/>
      <c r="Q34" s="100"/>
      <c r="R34" s="100"/>
      <c r="S34" s="100"/>
      <c r="T34" s="100"/>
      <c r="U34" s="100"/>
      <c r="V34" s="100"/>
      <c r="W34" s="100"/>
      <c r="X34" s="100"/>
      <c r="Y34" s="100"/>
      <c r="Z34" s="100"/>
      <c r="AA34" s="99"/>
      <c r="AB34" s="100"/>
      <c r="AC34" s="101"/>
    </row>
    <row r="35" spans="2:37" s="79" customFormat="1" ht="30" customHeight="1" x14ac:dyDescent="0.15">
      <c r="B35" s="382" t="s">
        <v>363</v>
      </c>
      <c r="C35" s="383"/>
      <c r="D35" s="383"/>
      <c r="E35" s="383"/>
      <c r="F35" s="384"/>
      <c r="H35" s="208" t="s">
        <v>385</v>
      </c>
      <c r="I35" s="551" t="s">
        <v>391</v>
      </c>
      <c r="J35" s="552"/>
      <c r="K35" s="552"/>
      <c r="L35" s="552"/>
      <c r="M35" s="552"/>
      <c r="N35" s="552"/>
      <c r="O35" s="552"/>
      <c r="P35" s="552"/>
      <c r="Q35" s="552"/>
      <c r="R35" s="552"/>
      <c r="S35" s="410"/>
      <c r="T35" s="415"/>
      <c r="U35" s="83" t="s">
        <v>210</v>
      </c>
      <c r="V35" s="75"/>
      <c r="W35" s="75"/>
      <c r="X35" s="75"/>
      <c r="Y35" s="75"/>
      <c r="AA35" s="209" t="s">
        <v>20</v>
      </c>
      <c r="AB35" s="210" t="s">
        <v>388</v>
      </c>
      <c r="AC35" s="211" t="s">
        <v>21</v>
      </c>
      <c r="AK35" s="4"/>
    </row>
    <row r="36" spans="2:37" s="79" customFormat="1" ht="36" customHeight="1" x14ac:dyDescent="0.15">
      <c r="B36" s="382"/>
      <c r="C36" s="383"/>
      <c r="D36" s="383"/>
      <c r="E36" s="383"/>
      <c r="F36" s="384"/>
      <c r="H36" s="208" t="s">
        <v>373</v>
      </c>
      <c r="I36" s="547" t="s">
        <v>367</v>
      </c>
      <c r="J36" s="548"/>
      <c r="K36" s="548"/>
      <c r="L36" s="548"/>
      <c r="M36" s="548"/>
      <c r="N36" s="548"/>
      <c r="O36" s="548"/>
      <c r="P36" s="548"/>
      <c r="Q36" s="548"/>
      <c r="R36" s="549"/>
      <c r="S36" s="410"/>
      <c r="T36" s="415"/>
      <c r="U36" s="83" t="s">
        <v>210</v>
      </c>
      <c r="V36" s="79" t="s">
        <v>368</v>
      </c>
      <c r="W36" s="392" t="s">
        <v>392</v>
      </c>
      <c r="X36" s="392"/>
      <c r="Y36" s="392"/>
      <c r="Z36" s="73"/>
      <c r="AA36" s="86" t="s">
        <v>0</v>
      </c>
      <c r="AB36" s="75" t="s">
        <v>365</v>
      </c>
      <c r="AC36" s="87" t="s">
        <v>0</v>
      </c>
      <c r="AK36" s="4"/>
    </row>
    <row r="37" spans="2:37" s="79" customFormat="1" ht="7.5" customHeight="1" x14ac:dyDescent="0.15">
      <c r="B37" s="102"/>
      <c r="C37" s="103"/>
      <c r="D37" s="103"/>
      <c r="E37" s="103"/>
      <c r="F37" s="104"/>
      <c r="G37" s="103"/>
      <c r="H37" s="103"/>
      <c r="I37" s="103"/>
      <c r="J37" s="103"/>
      <c r="K37" s="103"/>
      <c r="L37" s="103"/>
      <c r="M37" s="103"/>
      <c r="N37" s="103"/>
      <c r="O37" s="103"/>
      <c r="P37" s="103"/>
      <c r="Q37" s="103"/>
      <c r="R37" s="103"/>
      <c r="S37" s="103"/>
      <c r="T37" s="103"/>
      <c r="U37" s="103"/>
      <c r="V37" s="103"/>
      <c r="W37" s="103"/>
      <c r="X37" s="103"/>
      <c r="Y37" s="103"/>
      <c r="Z37" s="103"/>
      <c r="AA37" s="102"/>
      <c r="AB37" s="103"/>
      <c r="AC37" s="104"/>
    </row>
    <row r="38" spans="2:37" s="79" customFormat="1" ht="7.5" customHeight="1" x14ac:dyDescent="0.15">
      <c r="B38" s="99"/>
      <c r="C38" s="100"/>
      <c r="D38" s="100"/>
      <c r="E38" s="100"/>
      <c r="F38" s="101"/>
      <c r="G38" s="100"/>
      <c r="H38" s="77"/>
      <c r="I38" s="77"/>
      <c r="J38" s="77"/>
      <c r="K38" s="77"/>
      <c r="L38" s="77"/>
      <c r="M38" s="77"/>
      <c r="N38" s="77"/>
      <c r="O38" s="77"/>
      <c r="P38" s="77"/>
      <c r="Q38" s="77"/>
      <c r="R38" s="77"/>
      <c r="S38" s="77"/>
      <c r="T38" s="77"/>
      <c r="U38" s="77"/>
      <c r="V38" s="100"/>
      <c r="W38" s="100"/>
      <c r="X38" s="100"/>
      <c r="Y38" s="100"/>
      <c r="Z38" s="100"/>
      <c r="AA38" s="99"/>
      <c r="AB38" s="100"/>
      <c r="AC38" s="101"/>
    </row>
    <row r="39" spans="2:37" s="79" customFormat="1" ht="30" customHeight="1" x14ac:dyDescent="0.15">
      <c r="B39" s="382" t="s">
        <v>393</v>
      </c>
      <c r="C39" s="383"/>
      <c r="D39" s="383"/>
      <c r="E39" s="383"/>
      <c r="F39" s="384"/>
      <c r="G39" s="96"/>
      <c r="H39" s="218" t="s">
        <v>371</v>
      </c>
      <c r="I39" s="553" t="s">
        <v>372</v>
      </c>
      <c r="J39" s="554"/>
      <c r="K39" s="554"/>
      <c r="L39" s="554"/>
      <c r="M39" s="554"/>
      <c r="N39" s="554"/>
      <c r="O39" s="554"/>
      <c r="P39" s="554"/>
      <c r="Q39" s="554"/>
      <c r="R39" s="555"/>
      <c r="S39" s="416"/>
      <c r="T39" s="417"/>
      <c r="U39" s="93" t="s">
        <v>210</v>
      </c>
      <c r="V39" s="86"/>
      <c r="W39" s="75"/>
      <c r="X39" s="75"/>
      <c r="Y39" s="75"/>
      <c r="AA39" s="209" t="s">
        <v>20</v>
      </c>
      <c r="AB39" s="210" t="s">
        <v>388</v>
      </c>
      <c r="AC39" s="211" t="s">
        <v>21</v>
      </c>
      <c r="AK39" s="4"/>
    </row>
    <row r="40" spans="2:37" s="79" customFormat="1" ht="36" customHeight="1" x14ac:dyDescent="0.15">
      <c r="B40" s="382"/>
      <c r="C40" s="383"/>
      <c r="D40" s="383"/>
      <c r="E40" s="383"/>
      <c r="F40" s="384"/>
      <c r="H40" s="208" t="s">
        <v>373</v>
      </c>
      <c r="I40" s="547" t="s">
        <v>394</v>
      </c>
      <c r="J40" s="548"/>
      <c r="K40" s="548"/>
      <c r="L40" s="548"/>
      <c r="M40" s="548"/>
      <c r="N40" s="548"/>
      <c r="O40" s="548"/>
      <c r="P40" s="548"/>
      <c r="Q40" s="548"/>
      <c r="R40" s="549"/>
      <c r="S40" s="410"/>
      <c r="T40" s="415"/>
      <c r="U40" s="83" t="s">
        <v>210</v>
      </c>
      <c r="V40" s="79" t="s">
        <v>368</v>
      </c>
      <c r="W40" s="392" t="s">
        <v>392</v>
      </c>
      <c r="X40" s="392"/>
      <c r="Y40" s="392"/>
      <c r="Z40" s="73"/>
      <c r="AA40" s="86" t="s">
        <v>0</v>
      </c>
      <c r="AB40" s="75" t="s">
        <v>365</v>
      </c>
      <c r="AC40" s="87" t="s">
        <v>0</v>
      </c>
      <c r="AK40" s="4"/>
    </row>
    <row r="41" spans="2:37" s="79" customFormat="1" ht="7.5" customHeight="1" x14ac:dyDescent="0.15">
      <c r="B41" s="102"/>
      <c r="C41" s="103"/>
      <c r="D41" s="103"/>
      <c r="E41" s="103"/>
      <c r="F41" s="104"/>
      <c r="G41" s="103"/>
      <c r="H41" s="103"/>
      <c r="I41" s="103"/>
      <c r="J41" s="103"/>
      <c r="K41" s="103"/>
      <c r="L41" s="103"/>
      <c r="M41" s="103"/>
      <c r="N41" s="103"/>
      <c r="O41" s="103"/>
      <c r="P41" s="103"/>
      <c r="Q41" s="103"/>
      <c r="R41" s="103"/>
      <c r="S41" s="103"/>
      <c r="T41" s="103"/>
      <c r="U41" s="103"/>
      <c r="V41" s="103"/>
      <c r="W41" s="103"/>
      <c r="X41" s="103"/>
      <c r="Y41" s="103"/>
      <c r="Z41" s="103"/>
      <c r="AA41" s="102"/>
      <c r="AB41" s="103"/>
      <c r="AC41" s="104"/>
    </row>
    <row r="42" spans="2:37" s="79" customFormat="1" ht="7.5" customHeight="1" x14ac:dyDescent="0.15">
      <c r="B42" s="99"/>
      <c r="C42" s="100"/>
      <c r="D42" s="100"/>
      <c r="E42" s="100"/>
      <c r="F42" s="101"/>
      <c r="G42" s="100"/>
      <c r="H42" s="100"/>
      <c r="I42" s="100"/>
      <c r="J42" s="100"/>
      <c r="K42" s="100"/>
      <c r="L42" s="100"/>
      <c r="M42" s="100"/>
      <c r="N42" s="100"/>
      <c r="O42" s="100"/>
      <c r="P42" s="100"/>
      <c r="Q42" s="100"/>
      <c r="R42" s="100"/>
      <c r="S42" s="100"/>
      <c r="T42" s="100"/>
      <c r="U42" s="100"/>
      <c r="V42" s="100"/>
      <c r="W42" s="100"/>
      <c r="X42" s="100"/>
      <c r="Y42" s="100"/>
      <c r="Z42" s="100"/>
      <c r="AA42" s="99"/>
      <c r="AB42" s="100"/>
      <c r="AC42" s="101"/>
    </row>
    <row r="43" spans="2:37" s="79" customFormat="1" ht="30" customHeight="1" x14ac:dyDescent="0.15">
      <c r="B43" s="382" t="s">
        <v>395</v>
      </c>
      <c r="C43" s="383"/>
      <c r="D43" s="383"/>
      <c r="E43" s="383"/>
      <c r="F43" s="384"/>
      <c r="H43" s="208" t="s">
        <v>371</v>
      </c>
      <c r="I43" s="547" t="s">
        <v>372</v>
      </c>
      <c r="J43" s="548"/>
      <c r="K43" s="548"/>
      <c r="L43" s="548"/>
      <c r="M43" s="548"/>
      <c r="N43" s="548"/>
      <c r="O43" s="548"/>
      <c r="P43" s="548"/>
      <c r="Q43" s="548"/>
      <c r="R43" s="549"/>
      <c r="S43" s="410"/>
      <c r="T43" s="415"/>
      <c r="U43" s="83" t="s">
        <v>210</v>
      </c>
      <c r="V43" s="75"/>
      <c r="W43" s="75"/>
      <c r="X43" s="75"/>
      <c r="Y43" s="75"/>
      <c r="AA43" s="209" t="s">
        <v>20</v>
      </c>
      <c r="AB43" s="210" t="s">
        <v>388</v>
      </c>
      <c r="AC43" s="211" t="s">
        <v>21</v>
      </c>
      <c r="AK43" s="4"/>
    </row>
    <row r="44" spans="2:37" s="79" customFormat="1" ht="36" customHeight="1" x14ac:dyDescent="0.15">
      <c r="B44" s="382"/>
      <c r="C44" s="383"/>
      <c r="D44" s="383"/>
      <c r="E44" s="383"/>
      <c r="F44" s="384"/>
      <c r="H44" s="208" t="s">
        <v>373</v>
      </c>
      <c r="I44" s="547" t="s">
        <v>396</v>
      </c>
      <c r="J44" s="548"/>
      <c r="K44" s="548"/>
      <c r="L44" s="548"/>
      <c r="M44" s="548"/>
      <c r="N44" s="548"/>
      <c r="O44" s="548"/>
      <c r="P44" s="548"/>
      <c r="Q44" s="548"/>
      <c r="R44" s="549"/>
      <c r="S44" s="410"/>
      <c r="T44" s="415"/>
      <c r="U44" s="83" t="s">
        <v>210</v>
      </c>
      <c r="V44" s="79" t="s">
        <v>368</v>
      </c>
      <c r="W44" s="392" t="s">
        <v>397</v>
      </c>
      <c r="X44" s="392"/>
      <c r="Y44" s="392"/>
      <c r="Z44" s="73"/>
      <c r="AA44" s="86" t="s">
        <v>0</v>
      </c>
      <c r="AB44" s="75" t="s">
        <v>365</v>
      </c>
      <c r="AC44" s="87" t="s">
        <v>0</v>
      </c>
      <c r="AK44" s="4"/>
    </row>
    <row r="45" spans="2:37" s="79" customFormat="1" ht="7.5" customHeight="1" x14ac:dyDescent="0.15">
      <c r="B45" s="102"/>
      <c r="C45" s="103"/>
      <c r="D45" s="103"/>
      <c r="E45" s="103"/>
      <c r="F45" s="104"/>
      <c r="G45" s="103"/>
      <c r="H45" s="103"/>
      <c r="I45" s="103"/>
      <c r="J45" s="103"/>
      <c r="K45" s="103"/>
      <c r="L45" s="103"/>
      <c r="M45" s="103"/>
      <c r="N45" s="103"/>
      <c r="O45" s="103"/>
      <c r="P45" s="103"/>
      <c r="Q45" s="103"/>
      <c r="R45" s="103"/>
      <c r="S45" s="103"/>
      <c r="T45" s="103"/>
      <c r="U45" s="103"/>
      <c r="V45" s="103"/>
      <c r="W45" s="103"/>
      <c r="X45" s="103"/>
      <c r="Y45" s="103"/>
      <c r="Z45" s="103"/>
      <c r="AA45" s="102"/>
      <c r="AB45" s="103"/>
      <c r="AC45" s="104"/>
    </row>
    <row r="46" spans="2:37" s="79" customFormat="1" x14ac:dyDescent="0.15"/>
    <row r="47" spans="2:37" s="79" customFormat="1" x14ac:dyDescent="0.15">
      <c r="B47" s="79" t="s">
        <v>398</v>
      </c>
    </row>
    <row r="48" spans="2:37" s="79" customFormat="1" ht="7.5" customHeight="1" x14ac:dyDescent="0.15"/>
    <row r="49" spans="2:29" s="79" customFormat="1" ht="7.5" customHeight="1" x14ac:dyDescent="0.15">
      <c r="B49" s="99"/>
      <c r="C49" s="100"/>
      <c r="D49" s="100"/>
      <c r="E49" s="100"/>
      <c r="F49" s="101"/>
      <c r="G49" s="100"/>
      <c r="H49" s="100"/>
      <c r="I49" s="100"/>
      <c r="J49" s="100"/>
      <c r="K49" s="100"/>
      <c r="L49" s="100"/>
      <c r="M49" s="100"/>
      <c r="N49" s="100"/>
      <c r="O49" s="100"/>
      <c r="P49" s="100"/>
      <c r="Q49" s="100"/>
      <c r="R49" s="100"/>
      <c r="S49" s="100"/>
      <c r="T49" s="100"/>
      <c r="U49" s="100"/>
      <c r="V49" s="100"/>
      <c r="W49" s="100"/>
      <c r="X49" s="100"/>
      <c r="Y49" s="100"/>
      <c r="Z49" s="101"/>
      <c r="AA49" s="99"/>
      <c r="AB49" s="100"/>
      <c r="AC49" s="101"/>
    </row>
    <row r="50" spans="2:29" s="79" customFormat="1" x14ac:dyDescent="0.15">
      <c r="B50" s="3"/>
      <c r="F50" s="80"/>
      <c r="H50" s="103"/>
      <c r="I50" s="103"/>
      <c r="J50" s="103"/>
      <c r="K50" s="103"/>
      <c r="L50" s="103"/>
      <c r="M50" s="103"/>
      <c r="N50" s="103"/>
      <c r="O50" s="103"/>
      <c r="P50" s="103"/>
      <c r="Q50" s="103"/>
      <c r="R50" s="103"/>
      <c r="S50" s="103"/>
      <c r="T50" s="103"/>
      <c r="U50" s="103"/>
      <c r="V50" s="103"/>
      <c r="W50" s="103"/>
      <c r="X50" s="103"/>
      <c r="Y50" s="103"/>
      <c r="Z50" s="104"/>
      <c r="AA50" s="219" t="s">
        <v>20</v>
      </c>
      <c r="AB50" s="220" t="s">
        <v>388</v>
      </c>
      <c r="AC50" s="221" t="s">
        <v>21</v>
      </c>
    </row>
    <row r="51" spans="2:29" ht="36" customHeight="1" x14ac:dyDescent="0.15">
      <c r="B51" s="382" t="s">
        <v>399</v>
      </c>
      <c r="C51" s="383"/>
      <c r="D51" s="383"/>
      <c r="E51" s="383"/>
      <c r="F51" s="384"/>
      <c r="G51" s="79"/>
      <c r="H51" s="208" t="s">
        <v>385</v>
      </c>
      <c r="I51" s="544" t="s">
        <v>400</v>
      </c>
      <c r="J51" s="545"/>
      <c r="K51" s="545"/>
      <c r="L51" s="545"/>
      <c r="M51" s="545"/>
      <c r="N51" s="545"/>
      <c r="O51" s="545"/>
      <c r="P51" s="545"/>
      <c r="Q51" s="545"/>
      <c r="R51" s="545"/>
      <c r="S51" s="545"/>
      <c r="T51" s="545"/>
      <c r="U51" s="545"/>
      <c r="V51" s="545"/>
      <c r="W51" s="545"/>
      <c r="X51" s="545"/>
      <c r="Y51" s="545"/>
      <c r="Z51" s="546"/>
      <c r="AA51" s="81" t="s">
        <v>0</v>
      </c>
      <c r="AB51" s="82" t="s">
        <v>379</v>
      </c>
      <c r="AC51" s="83" t="s">
        <v>0</v>
      </c>
    </row>
    <row r="52" spans="2:29" ht="36" customHeight="1" x14ac:dyDescent="0.15">
      <c r="B52" s="382"/>
      <c r="C52" s="383"/>
      <c r="D52" s="383"/>
      <c r="E52" s="383"/>
      <c r="F52" s="384"/>
      <c r="G52" s="79"/>
      <c r="H52" s="208" t="s">
        <v>373</v>
      </c>
      <c r="I52" s="544" t="s">
        <v>401</v>
      </c>
      <c r="J52" s="545"/>
      <c r="K52" s="545"/>
      <c r="L52" s="545"/>
      <c r="M52" s="545"/>
      <c r="N52" s="545"/>
      <c r="O52" s="545"/>
      <c r="P52" s="545"/>
      <c r="Q52" s="545"/>
      <c r="R52" s="545"/>
      <c r="S52" s="545"/>
      <c r="T52" s="545"/>
      <c r="U52" s="545"/>
      <c r="V52" s="545"/>
      <c r="W52" s="545"/>
      <c r="X52" s="545"/>
      <c r="Y52" s="545"/>
      <c r="Z52" s="546"/>
      <c r="AA52" s="81" t="s">
        <v>0</v>
      </c>
      <c r="AB52" s="82" t="s">
        <v>379</v>
      </c>
      <c r="AC52" s="83" t="s">
        <v>0</v>
      </c>
    </row>
    <row r="53" spans="2:29" s="222" customFormat="1" ht="7.5" customHeight="1" x14ac:dyDescent="0.15">
      <c r="B53" s="102"/>
      <c r="C53" s="103"/>
      <c r="D53" s="103"/>
      <c r="E53" s="103"/>
      <c r="F53" s="104"/>
      <c r="G53" s="103"/>
      <c r="H53" s="103"/>
      <c r="I53" s="103"/>
      <c r="J53" s="103"/>
      <c r="K53" s="103"/>
      <c r="L53" s="103"/>
      <c r="M53" s="103"/>
      <c r="N53" s="103"/>
      <c r="O53" s="103"/>
      <c r="P53" s="103"/>
      <c r="Q53" s="103"/>
      <c r="R53" s="103"/>
      <c r="S53" s="103"/>
      <c r="T53" s="103"/>
      <c r="U53" s="103"/>
      <c r="V53" s="103"/>
      <c r="W53" s="103"/>
      <c r="X53" s="103"/>
      <c r="Y53" s="103"/>
      <c r="Z53" s="78"/>
      <c r="AA53" s="102"/>
      <c r="AB53" s="103"/>
      <c r="AC53" s="104"/>
    </row>
    <row r="54" spans="2:29" s="222" customFormat="1" x14ac:dyDescent="0.15">
      <c r="B54" s="109"/>
      <c r="C54" s="7"/>
      <c r="D54" s="7"/>
      <c r="E54" s="7"/>
      <c r="F54" s="7"/>
      <c r="G54" s="7"/>
      <c r="H54" s="7"/>
      <c r="I54" s="7"/>
      <c r="J54" s="7"/>
      <c r="K54" s="7"/>
      <c r="L54" s="7"/>
      <c r="M54" s="7"/>
      <c r="N54" s="7"/>
      <c r="O54" s="7"/>
      <c r="P54" s="7"/>
      <c r="Q54" s="7"/>
      <c r="R54" s="7"/>
      <c r="S54" s="7"/>
      <c r="T54" s="7"/>
      <c r="U54" s="7"/>
      <c r="V54" s="7"/>
      <c r="W54" s="7"/>
      <c r="X54" s="7"/>
      <c r="Y54" s="7"/>
      <c r="Z54" s="7"/>
      <c r="AA54" s="70"/>
      <c r="AB54" s="7"/>
      <c r="AC54" s="7"/>
    </row>
    <row r="55" spans="2:29" s="222" customFormat="1" x14ac:dyDescent="0.15">
      <c r="B55" s="109"/>
      <c r="C55" s="7"/>
      <c r="D55" s="7"/>
      <c r="E55" s="7"/>
      <c r="F55" s="7"/>
      <c r="G55" s="7"/>
      <c r="H55" s="7"/>
      <c r="I55" s="7"/>
      <c r="J55" s="7"/>
      <c r="K55" s="7"/>
      <c r="L55" s="7"/>
      <c r="M55" s="7"/>
      <c r="N55" s="7"/>
      <c r="O55" s="7"/>
      <c r="P55" s="7"/>
      <c r="Q55" s="7"/>
      <c r="R55" s="7"/>
      <c r="S55" s="7"/>
      <c r="T55" s="7"/>
      <c r="U55" s="7"/>
      <c r="V55" s="7"/>
      <c r="W55" s="7"/>
      <c r="X55" s="7"/>
      <c r="Y55" s="7"/>
      <c r="Z55" s="7"/>
      <c r="AA55" s="7"/>
      <c r="AB55" s="7"/>
      <c r="AC55" s="7"/>
    </row>
    <row r="122" spans="3:7" x14ac:dyDescent="0.15">
      <c r="C122" s="8"/>
      <c r="D122" s="8"/>
      <c r="E122" s="8"/>
      <c r="F122" s="8"/>
      <c r="G122" s="8"/>
    </row>
    <row r="123" spans="3:7" x14ac:dyDescent="0.15">
      <c r="C123" s="70"/>
    </row>
  </sheetData>
  <mergeCells count="51">
    <mergeCell ref="B3:AC3"/>
    <mergeCell ref="B4:F4"/>
    <mergeCell ref="G4:AC4"/>
    <mergeCell ref="B5:F5"/>
    <mergeCell ref="B6:F7"/>
    <mergeCell ref="W13:Y13"/>
    <mergeCell ref="B16:F17"/>
    <mergeCell ref="I16:R16"/>
    <mergeCell ref="S16:T16"/>
    <mergeCell ref="I17:R17"/>
    <mergeCell ref="S17:T17"/>
    <mergeCell ref="W17:Y17"/>
    <mergeCell ref="B12:F13"/>
    <mergeCell ref="I12:R12"/>
    <mergeCell ref="S12:T12"/>
    <mergeCell ref="I13:R13"/>
    <mergeCell ref="S13:T13"/>
    <mergeCell ref="AA26:AC26"/>
    <mergeCell ref="B20:F21"/>
    <mergeCell ref="I20:R20"/>
    <mergeCell ref="S20:T20"/>
    <mergeCell ref="I21:R21"/>
    <mergeCell ref="S21:T21"/>
    <mergeCell ref="W21:Y21"/>
    <mergeCell ref="B25:F25"/>
    <mergeCell ref="I25:R25"/>
    <mergeCell ref="S25:T25"/>
    <mergeCell ref="W25:Y25"/>
    <mergeCell ref="I26:L26"/>
    <mergeCell ref="W40:Y40"/>
    <mergeCell ref="B29:Z29"/>
    <mergeCell ref="B35:F36"/>
    <mergeCell ref="I35:R35"/>
    <mergeCell ref="S35:T35"/>
    <mergeCell ref="I36:R36"/>
    <mergeCell ref="S36:T36"/>
    <mergeCell ref="W36:Y36"/>
    <mergeCell ref="B39:F40"/>
    <mergeCell ref="I39:R39"/>
    <mergeCell ref="S39:T39"/>
    <mergeCell ref="I40:R40"/>
    <mergeCell ref="S40:T40"/>
    <mergeCell ref="B51:F52"/>
    <mergeCell ref="I51:Z51"/>
    <mergeCell ref="I52:Z52"/>
    <mergeCell ref="B43:F44"/>
    <mergeCell ref="I43:R43"/>
    <mergeCell ref="S43:T43"/>
    <mergeCell ref="I44:R44"/>
    <mergeCell ref="S44:T44"/>
    <mergeCell ref="W44:Y44"/>
  </mergeCells>
  <phoneticPr fontId="3"/>
  <dataValidations count="1">
    <dataValidation type="list" allowBlank="1" showInputMessage="1" showErrorMessage="1" sqref="H5:H7 M5 R5 Q6:Q7 AA13 AC13 AA17 AC17 AA21 AC21 AA25 AC25 AA29 AC29 AA36 AC36 AA40 AC40 AA44 AC44 AA51:AA52 AC51:AC52">
      <formula1>"□,■"</formula1>
    </dataValidation>
  </dataValidations>
  <pageMargins left="0.7" right="0.7" top="0.75" bottom="0.75" header="0.3" footer="0.3"/>
  <pageSetup paperSize="9" scale="81" orientation="portrait" r:id="rId1"/>
  <rowBreaks count="1" manualBreakCount="1">
    <brk id="5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G123"/>
  <sheetViews>
    <sheetView view="pageBreakPreview" zoomScale="80" zoomScaleNormal="100" zoomScaleSheetLayoutView="80" workbookViewId="0">
      <selection activeCell="O20" sqref="O20:AF20"/>
    </sheetView>
  </sheetViews>
  <sheetFormatPr defaultColWidth="4" defaultRowHeight="17.25" x14ac:dyDescent="0.15"/>
  <cols>
    <col min="1" max="1" width="1.5" style="151" customWidth="1"/>
    <col min="2" max="12" width="3.25" style="151" customWidth="1"/>
    <col min="13" max="13" width="13" style="151" customWidth="1"/>
    <col min="14" max="14" width="4.125" style="151" bestFit="1" customWidth="1"/>
    <col min="15" max="32" width="3.25" style="151" customWidth="1"/>
    <col min="33" max="33" width="1.5" style="151" customWidth="1"/>
    <col min="34" max="36" width="3.25" style="151" customWidth="1"/>
    <col min="37" max="256" width="4" style="151"/>
    <col min="257" max="257" width="1.5" style="151" customWidth="1"/>
    <col min="258" max="268" width="3.25" style="151" customWidth="1"/>
    <col min="269" max="269" width="13" style="151" customWidth="1"/>
    <col min="270" max="270" width="4.125" style="151" bestFit="1" customWidth="1"/>
    <col min="271" max="288" width="3.25" style="151" customWidth="1"/>
    <col min="289" max="289" width="1.5" style="151" customWidth="1"/>
    <col min="290" max="292" width="3.25" style="151" customWidth="1"/>
    <col min="293" max="512" width="4" style="151"/>
    <col min="513" max="513" width="1.5" style="151" customWidth="1"/>
    <col min="514" max="524" width="3.25" style="151" customWidth="1"/>
    <col min="525" max="525" width="13" style="151" customWidth="1"/>
    <col min="526" max="526" width="4.125" style="151" bestFit="1" customWidth="1"/>
    <col min="527" max="544" width="3.25" style="151" customWidth="1"/>
    <col min="545" max="545" width="1.5" style="151" customWidth="1"/>
    <col min="546" max="548" width="3.25" style="151" customWidth="1"/>
    <col min="549" max="768" width="4" style="151"/>
    <col min="769" max="769" width="1.5" style="151" customWidth="1"/>
    <col min="770" max="780" width="3.25" style="151" customWidth="1"/>
    <col min="781" max="781" width="13" style="151" customWidth="1"/>
    <col min="782" max="782" width="4.125" style="151" bestFit="1" customWidth="1"/>
    <col min="783" max="800" width="3.25" style="151" customWidth="1"/>
    <col min="801" max="801" width="1.5" style="151" customWidth="1"/>
    <col min="802" max="804" width="3.25" style="151" customWidth="1"/>
    <col min="805" max="1024" width="4" style="151"/>
    <col min="1025" max="1025" width="1.5" style="151" customWidth="1"/>
    <col min="1026" max="1036" width="3.25" style="151" customWidth="1"/>
    <col min="1037" max="1037" width="13" style="151" customWidth="1"/>
    <col min="1038" max="1038" width="4.125" style="151" bestFit="1" customWidth="1"/>
    <col min="1039" max="1056" width="3.25" style="151" customWidth="1"/>
    <col min="1057" max="1057" width="1.5" style="151" customWidth="1"/>
    <col min="1058" max="1060" width="3.25" style="151" customWidth="1"/>
    <col min="1061" max="1280" width="4" style="151"/>
    <col min="1281" max="1281" width="1.5" style="151" customWidth="1"/>
    <col min="1282" max="1292" width="3.25" style="151" customWidth="1"/>
    <col min="1293" max="1293" width="13" style="151" customWidth="1"/>
    <col min="1294" max="1294" width="4.125" style="151" bestFit="1" customWidth="1"/>
    <col min="1295" max="1312" width="3.25" style="151" customWidth="1"/>
    <col min="1313" max="1313" width="1.5" style="151" customWidth="1"/>
    <col min="1314" max="1316" width="3.25" style="151" customWidth="1"/>
    <col min="1317" max="1536" width="4" style="151"/>
    <col min="1537" max="1537" width="1.5" style="151" customWidth="1"/>
    <col min="1538" max="1548" width="3.25" style="151" customWidth="1"/>
    <col min="1549" max="1549" width="13" style="151" customWidth="1"/>
    <col min="1550" max="1550" width="4.125" style="151" bestFit="1" customWidth="1"/>
    <col min="1551" max="1568" width="3.25" style="151" customWidth="1"/>
    <col min="1569" max="1569" width="1.5" style="151" customWidth="1"/>
    <col min="1570" max="1572" width="3.25" style="151" customWidth="1"/>
    <col min="1573" max="1792" width="4" style="151"/>
    <col min="1793" max="1793" width="1.5" style="151" customWidth="1"/>
    <col min="1794" max="1804" width="3.25" style="151" customWidth="1"/>
    <col min="1805" max="1805" width="13" style="151" customWidth="1"/>
    <col min="1806" max="1806" width="4.125" style="151" bestFit="1" customWidth="1"/>
    <col min="1807" max="1824" width="3.25" style="151" customWidth="1"/>
    <col min="1825" max="1825" width="1.5" style="151" customWidth="1"/>
    <col min="1826" max="1828" width="3.25" style="151" customWidth="1"/>
    <col min="1829" max="2048" width="4" style="151"/>
    <col min="2049" max="2049" width="1.5" style="151" customWidth="1"/>
    <col min="2050" max="2060" width="3.25" style="151" customWidth="1"/>
    <col min="2061" max="2061" width="13" style="151" customWidth="1"/>
    <col min="2062" max="2062" width="4.125" style="151" bestFit="1" customWidth="1"/>
    <col min="2063" max="2080" width="3.25" style="151" customWidth="1"/>
    <col min="2081" max="2081" width="1.5" style="151" customWidth="1"/>
    <col min="2082" max="2084" width="3.25" style="151" customWidth="1"/>
    <col min="2085" max="2304" width="4" style="151"/>
    <col min="2305" max="2305" width="1.5" style="151" customWidth="1"/>
    <col min="2306" max="2316" width="3.25" style="151" customWidth="1"/>
    <col min="2317" max="2317" width="13" style="151" customWidth="1"/>
    <col min="2318" max="2318" width="4.125" style="151" bestFit="1" customWidth="1"/>
    <col min="2319" max="2336" width="3.25" style="151" customWidth="1"/>
    <col min="2337" max="2337" width="1.5" style="151" customWidth="1"/>
    <col min="2338" max="2340" width="3.25" style="151" customWidth="1"/>
    <col min="2341" max="2560" width="4" style="151"/>
    <col min="2561" max="2561" width="1.5" style="151" customWidth="1"/>
    <col min="2562" max="2572" width="3.25" style="151" customWidth="1"/>
    <col min="2573" max="2573" width="13" style="151" customWidth="1"/>
    <col min="2574" max="2574" width="4.125" style="151" bestFit="1" customWidth="1"/>
    <col min="2575" max="2592" width="3.25" style="151" customWidth="1"/>
    <col min="2593" max="2593" width="1.5" style="151" customWidth="1"/>
    <col min="2594" max="2596" width="3.25" style="151" customWidth="1"/>
    <col min="2597" max="2816" width="4" style="151"/>
    <col min="2817" max="2817" width="1.5" style="151" customWidth="1"/>
    <col min="2818" max="2828" width="3.25" style="151" customWidth="1"/>
    <col min="2829" max="2829" width="13" style="151" customWidth="1"/>
    <col min="2830" max="2830" width="4.125" style="151" bestFit="1" customWidth="1"/>
    <col min="2831" max="2848" width="3.25" style="151" customWidth="1"/>
    <col min="2849" max="2849" width="1.5" style="151" customWidth="1"/>
    <col min="2850" max="2852" width="3.25" style="151" customWidth="1"/>
    <col min="2853" max="3072" width="4" style="151"/>
    <col min="3073" max="3073" width="1.5" style="151" customWidth="1"/>
    <col min="3074" max="3084" width="3.25" style="151" customWidth="1"/>
    <col min="3085" max="3085" width="13" style="151" customWidth="1"/>
    <col min="3086" max="3086" width="4.125" style="151" bestFit="1" customWidth="1"/>
    <col min="3087" max="3104" width="3.25" style="151" customWidth="1"/>
    <col min="3105" max="3105" width="1.5" style="151" customWidth="1"/>
    <col min="3106" max="3108" width="3.25" style="151" customWidth="1"/>
    <col min="3109" max="3328" width="4" style="151"/>
    <col min="3329" max="3329" width="1.5" style="151" customWidth="1"/>
    <col min="3330" max="3340" width="3.25" style="151" customWidth="1"/>
    <col min="3341" max="3341" width="13" style="151" customWidth="1"/>
    <col min="3342" max="3342" width="4.125" style="151" bestFit="1" customWidth="1"/>
    <col min="3343" max="3360" width="3.25" style="151" customWidth="1"/>
    <col min="3361" max="3361" width="1.5" style="151" customWidth="1"/>
    <col min="3362" max="3364" width="3.25" style="151" customWidth="1"/>
    <col min="3365" max="3584" width="4" style="151"/>
    <col min="3585" max="3585" width="1.5" style="151" customWidth="1"/>
    <col min="3586" max="3596" width="3.25" style="151" customWidth="1"/>
    <col min="3597" max="3597" width="13" style="151" customWidth="1"/>
    <col min="3598" max="3598" width="4.125" style="151" bestFit="1" customWidth="1"/>
    <col min="3599" max="3616" width="3.25" style="151" customWidth="1"/>
    <col min="3617" max="3617" width="1.5" style="151" customWidth="1"/>
    <col min="3618" max="3620" width="3.25" style="151" customWidth="1"/>
    <col min="3621" max="3840" width="4" style="151"/>
    <col min="3841" max="3841" width="1.5" style="151" customWidth="1"/>
    <col min="3842" max="3852" width="3.25" style="151" customWidth="1"/>
    <col min="3853" max="3853" width="13" style="151" customWidth="1"/>
    <col min="3854" max="3854" width="4.125" style="151" bestFit="1" customWidth="1"/>
    <col min="3855" max="3872" width="3.25" style="151" customWidth="1"/>
    <col min="3873" max="3873" width="1.5" style="151" customWidth="1"/>
    <col min="3874" max="3876" width="3.25" style="151" customWidth="1"/>
    <col min="3877" max="4096" width="4" style="151"/>
    <col min="4097" max="4097" width="1.5" style="151" customWidth="1"/>
    <col min="4098" max="4108" width="3.25" style="151" customWidth="1"/>
    <col min="4109" max="4109" width="13" style="151" customWidth="1"/>
    <col min="4110" max="4110" width="4.125" style="151" bestFit="1" customWidth="1"/>
    <col min="4111" max="4128" width="3.25" style="151" customWidth="1"/>
    <col min="4129" max="4129" width="1.5" style="151" customWidth="1"/>
    <col min="4130" max="4132" width="3.25" style="151" customWidth="1"/>
    <col min="4133" max="4352" width="4" style="151"/>
    <col min="4353" max="4353" width="1.5" style="151" customWidth="1"/>
    <col min="4354" max="4364" width="3.25" style="151" customWidth="1"/>
    <col min="4365" max="4365" width="13" style="151" customWidth="1"/>
    <col min="4366" max="4366" width="4.125" style="151" bestFit="1" customWidth="1"/>
    <col min="4367" max="4384" width="3.25" style="151" customWidth="1"/>
    <col min="4385" max="4385" width="1.5" style="151" customWidth="1"/>
    <col min="4386" max="4388" width="3.25" style="151" customWidth="1"/>
    <col min="4389" max="4608" width="4" style="151"/>
    <col min="4609" max="4609" width="1.5" style="151" customWidth="1"/>
    <col min="4610" max="4620" width="3.25" style="151" customWidth="1"/>
    <col min="4621" max="4621" width="13" style="151" customWidth="1"/>
    <col min="4622" max="4622" width="4.125" style="151" bestFit="1" customWidth="1"/>
    <col min="4623" max="4640" width="3.25" style="151" customWidth="1"/>
    <col min="4641" max="4641" width="1.5" style="151" customWidth="1"/>
    <col min="4642" max="4644" width="3.25" style="151" customWidth="1"/>
    <col min="4645" max="4864" width="4" style="151"/>
    <col min="4865" max="4865" width="1.5" style="151" customWidth="1"/>
    <col min="4866" max="4876" width="3.25" style="151" customWidth="1"/>
    <col min="4877" max="4877" width="13" style="151" customWidth="1"/>
    <col min="4878" max="4878" width="4.125" style="151" bestFit="1" customWidth="1"/>
    <col min="4879" max="4896" width="3.25" style="151" customWidth="1"/>
    <col min="4897" max="4897" width="1.5" style="151" customWidth="1"/>
    <col min="4898" max="4900" width="3.25" style="151" customWidth="1"/>
    <col min="4901" max="5120" width="4" style="151"/>
    <col min="5121" max="5121" width="1.5" style="151" customWidth="1"/>
    <col min="5122" max="5132" width="3.25" style="151" customWidth="1"/>
    <col min="5133" max="5133" width="13" style="151" customWidth="1"/>
    <col min="5134" max="5134" width="4.125" style="151" bestFit="1" customWidth="1"/>
    <col min="5135" max="5152" width="3.25" style="151" customWidth="1"/>
    <col min="5153" max="5153" width="1.5" style="151" customWidth="1"/>
    <col min="5154" max="5156" width="3.25" style="151" customWidth="1"/>
    <col min="5157" max="5376" width="4" style="151"/>
    <col min="5377" max="5377" width="1.5" style="151" customWidth="1"/>
    <col min="5378" max="5388" width="3.25" style="151" customWidth="1"/>
    <col min="5389" max="5389" width="13" style="151" customWidth="1"/>
    <col min="5390" max="5390" width="4.125" style="151" bestFit="1" customWidth="1"/>
    <col min="5391" max="5408" width="3.25" style="151" customWidth="1"/>
    <col min="5409" max="5409" width="1.5" style="151" customWidth="1"/>
    <col min="5410" max="5412" width="3.25" style="151" customWidth="1"/>
    <col min="5413" max="5632" width="4" style="151"/>
    <col min="5633" max="5633" width="1.5" style="151" customWidth="1"/>
    <col min="5634" max="5644" width="3.25" style="151" customWidth="1"/>
    <col min="5645" max="5645" width="13" style="151" customWidth="1"/>
    <col min="5646" max="5646" width="4.125" style="151" bestFit="1" customWidth="1"/>
    <col min="5647" max="5664" width="3.25" style="151" customWidth="1"/>
    <col min="5665" max="5665" width="1.5" style="151" customWidth="1"/>
    <col min="5666" max="5668" width="3.25" style="151" customWidth="1"/>
    <col min="5669" max="5888" width="4" style="151"/>
    <col min="5889" max="5889" width="1.5" style="151" customWidth="1"/>
    <col min="5890" max="5900" width="3.25" style="151" customWidth="1"/>
    <col min="5901" max="5901" width="13" style="151" customWidth="1"/>
    <col min="5902" max="5902" width="4.125" style="151" bestFit="1" customWidth="1"/>
    <col min="5903" max="5920" width="3.25" style="151" customWidth="1"/>
    <col min="5921" max="5921" width="1.5" style="151" customWidth="1"/>
    <col min="5922" max="5924" width="3.25" style="151" customWidth="1"/>
    <col min="5925" max="6144" width="4" style="151"/>
    <col min="6145" max="6145" width="1.5" style="151" customWidth="1"/>
    <col min="6146" max="6156" width="3.25" style="151" customWidth="1"/>
    <col min="6157" max="6157" width="13" style="151" customWidth="1"/>
    <col min="6158" max="6158" width="4.125" style="151" bestFit="1" customWidth="1"/>
    <col min="6159" max="6176" width="3.25" style="151" customWidth="1"/>
    <col min="6177" max="6177" width="1.5" style="151" customWidth="1"/>
    <col min="6178" max="6180" width="3.25" style="151" customWidth="1"/>
    <col min="6181" max="6400" width="4" style="151"/>
    <col min="6401" max="6401" width="1.5" style="151" customWidth="1"/>
    <col min="6402" max="6412" width="3.25" style="151" customWidth="1"/>
    <col min="6413" max="6413" width="13" style="151" customWidth="1"/>
    <col min="6414" max="6414" width="4.125" style="151" bestFit="1" customWidth="1"/>
    <col min="6415" max="6432" width="3.25" style="151" customWidth="1"/>
    <col min="6433" max="6433" width="1.5" style="151" customWidth="1"/>
    <col min="6434" max="6436" width="3.25" style="151" customWidth="1"/>
    <col min="6437" max="6656" width="4" style="151"/>
    <col min="6657" max="6657" width="1.5" style="151" customWidth="1"/>
    <col min="6658" max="6668" width="3.25" style="151" customWidth="1"/>
    <col min="6669" max="6669" width="13" style="151" customWidth="1"/>
    <col min="6670" max="6670" width="4.125" style="151" bestFit="1" customWidth="1"/>
    <col min="6671" max="6688" width="3.25" style="151" customWidth="1"/>
    <col min="6689" max="6689" width="1.5" style="151" customWidth="1"/>
    <col min="6690" max="6692" width="3.25" style="151" customWidth="1"/>
    <col min="6693" max="6912" width="4" style="151"/>
    <col min="6913" max="6913" width="1.5" style="151" customWidth="1"/>
    <col min="6914" max="6924" width="3.25" style="151" customWidth="1"/>
    <col min="6925" max="6925" width="13" style="151" customWidth="1"/>
    <col min="6926" max="6926" width="4.125" style="151" bestFit="1" customWidth="1"/>
    <col min="6927" max="6944" width="3.25" style="151" customWidth="1"/>
    <col min="6945" max="6945" width="1.5" style="151" customWidth="1"/>
    <col min="6946" max="6948" width="3.25" style="151" customWidth="1"/>
    <col min="6949" max="7168" width="4" style="151"/>
    <col min="7169" max="7169" width="1.5" style="151" customWidth="1"/>
    <col min="7170" max="7180" width="3.25" style="151" customWidth="1"/>
    <col min="7181" max="7181" width="13" style="151" customWidth="1"/>
    <col min="7182" max="7182" width="4.125" style="151" bestFit="1" customWidth="1"/>
    <col min="7183" max="7200" width="3.25" style="151" customWidth="1"/>
    <col min="7201" max="7201" width="1.5" style="151" customWidth="1"/>
    <col min="7202" max="7204" width="3.25" style="151" customWidth="1"/>
    <col min="7205" max="7424" width="4" style="151"/>
    <col min="7425" max="7425" width="1.5" style="151" customWidth="1"/>
    <col min="7426" max="7436" width="3.25" style="151" customWidth="1"/>
    <col min="7437" max="7437" width="13" style="151" customWidth="1"/>
    <col min="7438" max="7438" width="4.125" style="151" bestFit="1" customWidth="1"/>
    <col min="7439" max="7456" width="3.25" style="151" customWidth="1"/>
    <col min="7457" max="7457" width="1.5" style="151" customWidth="1"/>
    <col min="7458" max="7460" width="3.25" style="151" customWidth="1"/>
    <col min="7461" max="7680" width="4" style="151"/>
    <col min="7681" max="7681" width="1.5" style="151" customWidth="1"/>
    <col min="7682" max="7692" width="3.25" style="151" customWidth="1"/>
    <col min="7693" max="7693" width="13" style="151" customWidth="1"/>
    <col min="7694" max="7694" width="4.125" style="151" bestFit="1" customWidth="1"/>
    <col min="7695" max="7712" width="3.25" style="151" customWidth="1"/>
    <col min="7713" max="7713" width="1.5" style="151" customWidth="1"/>
    <col min="7714" max="7716" width="3.25" style="151" customWidth="1"/>
    <col min="7717" max="7936" width="4" style="151"/>
    <col min="7937" max="7937" width="1.5" style="151" customWidth="1"/>
    <col min="7938" max="7948" width="3.25" style="151" customWidth="1"/>
    <col min="7949" max="7949" width="13" style="151" customWidth="1"/>
    <col min="7950" max="7950" width="4.125" style="151" bestFit="1" customWidth="1"/>
    <col min="7951" max="7968" width="3.25" style="151" customWidth="1"/>
    <col min="7969" max="7969" width="1.5" style="151" customWidth="1"/>
    <col min="7970" max="7972" width="3.25" style="151" customWidth="1"/>
    <col min="7973" max="8192" width="4" style="151"/>
    <col min="8193" max="8193" width="1.5" style="151" customWidth="1"/>
    <col min="8194" max="8204" width="3.25" style="151" customWidth="1"/>
    <col min="8205" max="8205" width="13" style="151" customWidth="1"/>
    <col min="8206" max="8206" width="4.125" style="151" bestFit="1" customWidth="1"/>
    <col min="8207" max="8224" width="3.25" style="151" customWidth="1"/>
    <col min="8225" max="8225" width="1.5" style="151" customWidth="1"/>
    <col min="8226" max="8228" width="3.25" style="151" customWidth="1"/>
    <col min="8229" max="8448" width="4" style="151"/>
    <col min="8449" max="8449" width="1.5" style="151" customWidth="1"/>
    <col min="8450" max="8460" width="3.25" style="151" customWidth="1"/>
    <col min="8461" max="8461" width="13" style="151" customWidth="1"/>
    <col min="8462" max="8462" width="4.125" style="151" bestFit="1" customWidth="1"/>
    <col min="8463" max="8480" width="3.25" style="151" customWidth="1"/>
    <col min="8481" max="8481" width="1.5" style="151" customWidth="1"/>
    <col min="8482" max="8484" width="3.25" style="151" customWidth="1"/>
    <col min="8485" max="8704" width="4" style="151"/>
    <col min="8705" max="8705" width="1.5" style="151" customWidth="1"/>
    <col min="8706" max="8716" width="3.25" style="151" customWidth="1"/>
    <col min="8717" max="8717" width="13" style="151" customWidth="1"/>
    <col min="8718" max="8718" width="4.125" style="151" bestFit="1" customWidth="1"/>
    <col min="8719" max="8736" width="3.25" style="151" customWidth="1"/>
    <col min="8737" max="8737" width="1.5" style="151" customWidth="1"/>
    <col min="8738" max="8740" width="3.25" style="151" customWidth="1"/>
    <col min="8741" max="8960" width="4" style="151"/>
    <col min="8961" max="8961" width="1.5" style="151" customWidth="1"/>
    <col min="8962" max="8972" width="3.25" style="151" customWidth="1"/>
    <col min="8973" max="8973" width="13" style="151" customWidth="1"/>
    <col min="8974" max="8974" width="4.125" style="151" bestFit="1" customWidth="1"/>
    <col min="8975" max="8992" width="3.25" style="151" customWidth="1"/>
    <col min="8993" max="8993" width="1.5" style="151" customWidth="1"/>
    <col min="8994" max="8996" width="3.25" style="151" customWidth="1"/>
    <col min="8997" max="9216" width="4" style="151"/>
    <col min="9217" max="9217" width="1.5" style="151" customWidth="1"/>
    <col min="9218" max="9228" width="3.25" style="151" customWidth="1"/>
    <col min="9229" max="9229" width="13" style="151" customWidth="1"/>
    <col min="9230" max="9230" width="4.125" style="151" bestFit="1" customWidth="1"/>
    <col min="9231" max="9248" width="3.25" style="151" customWidth="1"/>
    <col min="9249" max="9249" width="1.5" style="151" customWidth="1"/>
    <col min="9250" max="9252" width="3.25" style="151" customWidth="1"/>
    <col min="9253" max="9472" width="4" style="151"/>
    <col min="9473" max="9473" width="1.5" style="151" customWidth="1"/>
    <col min="9474" max="9484" width="3.25" style="151" customWidth="1"/>
    <col min="9485" max="9485" width="13" style="151" customWidth="1"/>
    <col min="9486" max="9486" width="4.125" style="151" bestFit="1" customWidth="1"/>
    <col min="9487" max="9504" width="3.25" style="151" customWidth="1"/>
    <col min="9505" max="9505" width="1.5" style="151" customWidth="1"/>
    <col min="9506" max="9508" width="3.25" style="151" customWidth="1"/>
    <col min="9509" max="9728" width="4" style="151"/>
    <col min="9729" max="9729" width="1.5" style="151" customWidth="1"/>
    <col min="9730" max="9740" width="3.25" style="151" customWidth="1"/>
    <col min="9741" max="9741" width="13" style="151" customWidth="1"/>
    <col min="9742" max="9742" width="4.125" style="151" bestFit="1" customWidth="1"/>
    <col min="9743" max="9760" width="3.25" style="151" customWidth="1"/>
    <col min="9761" max="9761" width="1.5" style="151" customWidth="1"/>
    <col min="9762" max="9764" width="3.25" style="151" customWidth="1"/>
    <col min="9765" max="9984" width="4" style="151"/>
    <col min="9985" max="9985" width="1.5" style="151" customWidth="1"/>
    <col min="9986" max="9996" width="3.25" style="151" customWidth="1"/>
    <col min="9997" max="9997" width="13" style="151" customWidth="1"/>
    <col min="9998" max="9998" width="4.125" style="151" bestFit="1" customWidth="1"/>
    <col min="9999" max="10016" width="3.25" style="151" customWidth="1"/>
    <col min="10017" max="10017" width="1.5" style="151" customWidth="1"/>
    <col min="10018" max="10020" width="3.25" style="151" customWidth="1"/>
    <col min="10021" max="10240" width="4" style="151"/>
    <col min="10241" max="10241" width="1.5" style="151" customWidth="1"/>
    <col min="10242" max="10252" width="3.25" style="151" customWidth="1"/>
    <col min="10253" max="10253" width="13" style="151" customWidth="1"/>
    <col min="10254" max="10254" width="4.125" style="151" bestFit="1" customWidth="1"/>
    <col min="10255" max="10272" width="3.25" style="151" customWidth="1"/>
    <col min="10273" max="10273" width="1.5" style="151" customWidth="1"/>
    <col min="10274" max="10276" width="3.25" style="151" customWidth="1"/>
    <col min="10277" max="10496" width="4" style="151"/>
    <col min="10497" max="10497" width="1.5" style="151" customWidth="1"/>
    <col min="10498" max="10508" width="3.25" style="151" customWidth="1"/>
    <col min="10509" max="10509" width="13" style="151" customWidth="1"/>
    <col min="10510" max="10510" width="4.125" style="151" bestFit="1" customWidth="1"/>
    <col min="10511" max="10528" width="3.25" style="151" customWidth="1"/>
    <col min="10529" max="10529" width="1.5" style="151" customWidth="1"/>
    <col min="10530" max="10532" width="3.25" style="151" customWidth="1"/>
    <col min="10533" max="10752" width="4" style="151"/>
    <col min="10753" max="10753" width="1.5" style="151" customWidth="1"/>
    <col min="10754" max="10764" width="3.25" style="151" customWidth="1"/>
    <col min="10765" max="10765" width="13" style="151" customWidth="1"/>
    <col min="10766" max="10766" width="4.125" style="151" bestFit="1" customWidth="1"/>
    <col min="10767" max="10784" width="3.25" style="151" customWidth="1"/>
    <col min="10785" max="10785" width="1.5" style="151" customWidth="1"/>
    <col min="10786" max="10788" width="3.25" style="151" customWidth="1"/>
    <col min="10789" max="11008" width="4" style="151"/>
    <col min="11009" max="11009" width="1.5" style="151" customWidth="1"/>
    <col min="11010" max="11020" width="3.25" style="151" customWidth="1"/>
    <col min="11021" max="11021" width="13" style="151" customWidth="1"/>
    <col min="11022" max="11022" width="4.125" style="151" bestFit="1" customWidth="1"/>
    <col min="11023" max="11040" width="3.25" style="151" customWidth="1"/>
    <col min="11041" max="11041" width="1.5" style="151" customWidth="1"/>
    <col min="11042" max="11044" width="3.25" style="151" customWidth="1"/>
    <col min="11045" max="11264" width="4" style="151"/>
    <col min="11265" max="11265" width="1.5" style="151" customWidth="1"/>
    <col min="11266" max="11276" width="3.25" style="151" customWidth="1"/>
    <col min="11277" max="11277" width="13" style="151" customWidth="1"/>
    <col min="11278" max="11278" width="4.125" style="151" bestFit="1" customWidth="1"/>
    <col min="11279" max="11296" width="3.25" style="151" customWidth="1"/>
    <col min="11297" max="11297" width="1.5" style="151" customWidth="1"/>
    <col min="11298" max="11300" width="3.25" style="151" customWidth="1"/>
    <col min="11301" max="11520" width="4" style="151"/>
    <col min="11521" max="11521" width="1.5" style="151" customWidth="1"/>
    <col min="11522" max="11532" width="3.25" style="151" customWidth="1"/>
    <col min="11533" max="11533" width="13" style="151" customWidth="1"/>
    <col min="11534" max="11534" width="4.125" style="151" bestFit="1" customWidth="1"/>
    <col min="11535" max="11552" width="3.25" style="151" customWidth="1"/>
    <col min="11553" max="11553" width="1.5" style="151" customWidth="1"/>
    <col min="11554" max="11556" width="3.25" style="151" customWidth="1"/>
    <col min="11557" max="11776" width="4" style="151"/>
    <col min="11777" max="11777" width="1.5" style="151" customWidth="1"/>
    <col min="11778" max="11788" width="3.25" style="151" customWidth="1"/>
    <col min="11789" max="11789" width="13" style="151" customWidth="1"/>
    <col min="11790" max="11790" width="4.125" style="151" bestFit="1" customWidth="1"/>
    <col min="11791" max="11808" width="3.25" style="151" customWidth="1"/>
    <col min="11809" max="11809" width="1.5" style="151" customWidth="1"/>
    <col min="11810" max="11812" width="3.25" style="151" customWidth="1"/>
    <col min="11813" max="12032" width="4" style="151"/>
    <col min="12033" max="12033" width="1.5" style="151" customWidth="1"/>
    <col min="12034" max="12044" width="3.25" style="151" customWidth="1"/>
    <col min="12045" max="12045" width="13" style="151" customWidth="1"/>
    <col min="12046" max="12046" width="4.125" style="151" bestFit="1" customWidth="1"/>
    <col min="12047" max="12064" width="3.25" style="151" customWidth="1"/>
    <col min="12065" max="12065" width="1.5" style="151" customWidth="1"/>
    <col min="12066" max="12068" width="3.25" style="151" customWidth="1"/>
    <col min="12069" max="12288" width="4" style="151"/>
    <col min="12289" max="12289" width="1.5" style="151" customWidth="1"/>
    <col min="12290" max="12300" width="3.25" style="151" customWidth="1"/>
    <col min="12301" max="12301" width="13" style="151" customWidth="1"/>
    <col min="12302" max="12302" width="4.125" style="151" bestFit="1" customWidth="1"/>
    <col min="12303" max="12320" width="3.25" style="151" customWidth="1"/>
    <col min="12321" max="12321" width="1.5" style="151" customWidth="1"/>
    <col min="12322" max="12324" width="3.25" style="151" customWidth="1"/>
    <col min="12325" max="12544" width="4" style="151"/>
    <col min="12545" max="12545" width="1.5" style="151" customWidth="1"/>
    <col min="12546" max="12556" width="3.25" style="151" customWidth="1"/>
    <col min="12557" max="12557" width="13" style="151" customWidth="1"/>
    <col min="12558" max="12558" width="4.125" style="151" bestFit="1" customWidth="1"/>
    <col min="12559" max="12576" width="3.25" style="151" customWidth="1"/>
    <col min="12577" max="12577" width="1.5" style="151" customWidth="1"/>
    <col min="12578" max="12580" width="3.25" style="151" customWidth="1"/>
    <col min="12581" max="12800" width="4" style="151"/>
    <col min="12801" max="12801" width="1.5" style="151" customWidth="1"/>
    <col min="12802" max="12812" width="3.25" style="151" customWidth="1"/>
    <col min="12813" max="12813" width="13" style="151" customWidth="1"/>
    <col min="12814" max="12814" width="4.125" style="151" bestFit="1" customWidth="1"/>
    <col min="12815" max="12832" width="3.25" style="151" customWidth="1"/>
    <col min="12833" max="12833" width="1.5" style="151" customWidth="1"/>
    <col min="12834" max="12836" width="3.25" style="151" customWidth="1"/>
    <col min="12837" max="13056" width="4" style="151"/>
    <col min="13057" max="13057" width="1.5" style="151" customWidth="1"/>
    <col min="13058" max="13068" width="3.25" style="151" customWidth="1"/>
    <col min="13069" max="13069" width="13" style="151" customWidth="1"/>
    <col min="13070" max="13070" width="4.125" style="151" bestFit="1" customWidth="1"/>
    <col min="13071" max="13088" width="3.25" style="151" customWidth="1"/>
    <col min="13089" max="13089" width="1.5" style="151" customWidth="1"/>
    <col min="13090" max="13092" width="3.25" style="151" customWidth="1"/>
    <col min="13093" max="13312" width="4" style="151"/>
    <col min="13313" max="13313" width="1.5" style="151" customWidth="1"/>
    <col min="13314" max="13324" width="3.25" style="151" customWidth="1"/>
    <col min="13325" max="13325" width="13" style="151" customWidth="1"/>
    <col min="13326" max="13326" width="4.125" style="151" bestFit="1" customWidth="1"/>
    <col min="13327" max="13344" width="3.25" style="151" customWidth="1"/>
    <col min="13345" max="13345" width="1.5" style="151" customWidth="1"/>
    <col min="13346" max="13348" width="3.25" style="151" customWidth="1"/>
    <col min="13349" max="13568" width="4" style="151"/>
    <col min="13569" max="13569" width="1.5" style="151" customWidth="1"/>
    <col min="13570" max="13580" width="3.25" style="151" customWidth="1"/>
    <col min="13581" max="13581" width="13" style="151" customWidth="1"/>
    <col min="13582" max="13582" width="4.125" style="151" bestFit="1" customWidth="1"/>
    <col min="13583" max="13600" width="3.25" style="151" customWidth="1"/>
    <col min="13601" max="13601" width="1.5" style="151" customWidth="1"/>
    <col min="13602" max="13604" width="3.25" style="151" customWidth="1"/>
    <col min="13605" max="13824" width="4" style="151"/>
    <col min="13825" max="13825" width="1.5" style="151" customWidth="1"/>
    <col min="13826" max="13836" width="3.25" style="151" customWidth="1"/>
    <col min="13837" max="13837" width="13" style="151" customWidth="1"/>
    <col min="13838" max="13838" width="4.125" style="151" bestFit="1" customWidth="1"/>
    <col min="13839" max="13856" width="3.25" style="151" customWidth="1"/>
    <col min="13857" max="13857" width="1.5" style="151" customWidth="1"/>
    <col min="13858" max="13860" width="3.25" style="151" customWidth="1"/>
    <col min="13861" max="14080" width="4" style="151"/>
    <col min="14081" max="14081" width="1.5" style="151" customWidth="1"/>
    <col min="14082" max="14092" width="3.25" style="151" customWidth="1"/>
    <col min="14093" max="14093" width="13" style="151" customWidth="1"/>
    <col min="14094" max="14094" width="4.125" style="151" bestFit="1" customWidth="1"/>
    <col min="14095" max="14112" width="3.25" style="151" customWidth="1"/>
    <col min="14113" max="14113" width="1.5" style="151" customWidth="1"/>
    <col min="14114" max="14116" width="3.25" style="151" customWidth="1"/>
    <col min="14117" max="14336" width="4" style="151"/>
    <col min="14337" max="14337" width="1.5" style="151" customWidth="1"/>
    <col min="14338" max="14348" width="3.25" style="151" customWidth="1"/>
    <col min="14349" max="14349" width="13" style="151" customWidth="1"/>
    <col min="14350" max="14350" width="4.125" style="151" bestFit="1" customWidth="1"/>
    <col min="14351" max="14368" width="3.25" style="151" customWidth="1"/>
    <col min="14369" max="14369" width="1.5" style="151" customWidth="1"/>
    <col min="14370" max="14372" width="3.25" style="151" customWidth="1"/>
    <col min="14373" max="14592" width="4" style="151"/>
    <col min="14593" max="14593" width="1.5" style="151" customWidth="1"/>
    <col min="14594" max="14604" width="3.25" style="151" customWidth="1"/>
    <col min="14605" max="14605" width="13" style="151" customWidth="1"/>
    <col min="14606" max="14606" width="4.125" style="151" bestFit="1" customWidth="1"/>
    <col min="14607" max="14624" width="3.25" style="151" customWidth="1"/>
    <col min="14625" max="14625" width="1.5" style="151" customWidth="1"/>
    <col min="14626" max="14628" width="3.25" style="151" customWidth="1"/>
    <col min="14629" max="14848" width="4" style="151"/>
    <col min="14849" max="14849" width="1.5" style="151" customWidth="1"/>
    <col min="14850" max="14860" width="3.25" style="151" customWidth="1"/>
    <col min="14861" max="14861" width="13" style="151" customWidth="1"/>
    <col min="14862" max="14862" width="4.125" style="151" bestFit="1" customWidth="1"/>
    <col min="14863" max="14880" width="3.25" style="151" customWidth="1"/>
    <col min="14881" max="14881" width="1.5" style="151" customWidth="1"/>
    <col min="14882" max="14884" width="3.25" style="151" customWidth="1"/>
    <col min="14885" max="15104" width="4" style="151"/>
    <col min="15105" max="15105" width="1.5" style="151" customWidth="1"/>
    <col min="15106" max="15116" width="3.25" style="151" customWidth="1"/>
    <col min="15117" max="15117" width="13" style="151" customWidth="1"/>
    <col min="15118" max="15118" width="4.125" style="151" bestFit="1" customWidth="1"/>
    <col min="15119" max="15136" width="3.25" style="151" customWidth="1"/>
    <col min="15137" max="15137" width="1.5" style="151" customWidth="1"/>
    <col min="15138" max="15140" width="3.25" style="151" customWidth="1"/>
    <col min="15141" max="15360" width="4" style="151"/>
    <col min="15361" max="15361" width="1.5" style="151" customWidth="1"/>
    <col min="15362" max="15372" width="3.25" style="151" customWidth="1"/>
    <col min="15373" max="15373" width="13" style="151" customWidth="1"/>
    <col min="15374" max="15374" width="4.125" style="151" bestFit="1" customWidth="1"/>
    <col min="15375" max="15392" width="3.25" style="151" customWidth="1"/>
    <col min="15393" max="15393" width="1.5" style="151" customWidth="1"/>
    <col min="15394" max="15396" width="3.25" style="151" customWidth="1"/>
    <col min="15397" max="15616" width="4" style="151"/>
    <col min="15617" max="15617" width="1.5" style="151" customWidth="1"/>
    <col min="15618" max="15628" width="3.25" style="151" customWidth="1"/>
    <col min="15629" max="15629" width="13" style="151" customWidth="1"/>
    <col min="15630" max="15630" width="4.125" style="151" bestFit="1" customWidth="1"/>
    <col min="15631" max="15648" width="3.25" style="151" customWidth="1"/>
    <col min="15649" max="15649" width="1.5" style="151" customWidth="1"/>
    <col min="15650" max="15652" width="3.25" style="151" customWidth="1"/>
    <col min="15653" max="15872" width="4" style="151"/>
    <col min="15873" max="15873" width="1.5" style="151" customWidth="1"/>
    <col min="15874" max="15884" width="3.25" style="151" customWidth="1"/>
    <col min="15885" max="15885" width="13" style="151" customWidth="1"/>
    <col min="15886" max="15886" width="4.125" style="151" bestFit="1" customWidth="1"/>
    <col min="15887" max="15904" width="3.25" style="151" customWidth="1"/>
    <col min="15905" max="15905" width="1.5" style="151" customWidth="1"/>
    <col min="15906" max="15908" width="3.25" style="151" customWidth="1"/>
    <col min="15909" max="16128" width="4" style="151"/>
    <col min="16129" max="16129" width="1.5" style="151" customWidth="1"/>
    <col min="16130" max="16140" width="3.25" style="151" customWidth="1"/>
    <col min="16141" max="16141" width="13" style="151" customWidth="1"/>
    <col min="16142" max="16142" width="4.125" style="151" bestFit="1" customWidth="1"/>
    <col min="16143" max="16160" width="3.25" style="151" customWidth="1"/>
    <col min="16161" max="16161" width="1.5" style="151" customWidth="1"/>
    <col min="16162" max="16164" width="3.25" style="151" customWidth="1"/>
    <col min="16165" max="16384" width="4" style="151"/>
  </cols>
  <sheetData>
    <row r="2" spans="1:33" x14ac:dyDescent="0.15">
      <c r="B2" s="151" t="s">
        <v>300</v>
      </c>
    </row>
    <row r="4" spans="1:33" x14ac:dyDescent="0.15">
      <c r="W4" s="152" t="s">
        <v>10</v>
      </c>
      <c r="X4" s="312"/>
      <c r="Y4" s="312"/>
      <c r="Z4" s="153" t="s">
        <v>9</v>
      </c>
      <c r="AA4" s="312"/>
      <c r="AB4" s="312"/>
      <c r="AC4" s="153" t="s">
        <v>8</v>
      </c>
      <c r="AD4" s="312"/>
      <c r="AE4" s="312"/>
      <c r="AF4" s="153" t="s">
        <v>91</v>
      </c>
    </row>
    <row r="5" spans="1:33" x14ac:dyDescent="0.15">
      <c r="B5" s="153"/>
      <c r="D5" s="153" t="s">
        <v>301</v>
      </c>
      <c r="F5" s="153"/>
      <c r="H5" s="153"/>
      <c r="I5" s="153"/>
      <c r="J5" s="153"/>
      <c r="K5" s="153"/>
    </row>
    <row r="6" spans="1:33" x14ac:dyDescent="0.15">
      <c r="B6" s="153"/>
      <c r="C6" s="153"/>
      <c r="D6" s="153"/>
      <c r="E6" s="153"/>
      <c r="F6" s="153"/>
      <c r="G6" s="153"/>
      <c r="H6" s="153"/>
      <c r="I6" s="153"/>
      <c r="J6" s="153"/>
      <c r="K6" s="153"/>
    </row>
    <row r="7" spans="1:33" x14ac:dyDescent="0.15">
      <c r="S7" s="152" t="s">
        <v>90</v>
      </c>
      <c r="T7" s="313"/>
      <c r="U7" s="313"/>
      <c r="V7" s="313"/>
      <c r="W7" s="313"/>
      <c r="X7" s="313"/>
      <c r="Y7" s="313"/>
      <c r="Z7" s="313"/>
      <c r="AA7" s="313"/>
      <c r="AB7" s="313"/>
      <c r="AC7" s="313"/>
      <c r="AD7" s="313"/>
      <c r="AE7" s="313"/>
      <c r="AF7" s="313"/>
    </row>
    <row r="9" spans="1:33" x14ac:dyDescent="0.15">
      <c r="B9" s="314" t="s">
        <v>89</v>
      </c>
      <c r="C9" s="314"/>
      <c r="D9" s="314"/>
      <c r="E9" s="314"/>
      <c r="F9" s="314"/>
      <c r="G9" s="314"/>
      <c r="H9" s="314"/>
      <c r="I9" s="314"/>
      <c r="J9" s="314"/>
      <c r="K9" s="314"/>
      <c r="L9" s="314"/>
      <c r="M9" s="314"/>
      <c r="N9" s="314"/>
      <c r="O9" s="314"/>
      <c r="P9" s="314"/>
      <c r="Q9" s="314"/>
      <c r="R9" s="314"/>
      <c r="S9" s="314"/>
      <c r="T9" s="314"/>
      <c r="U9" s="314"/>
      <c r="V9" s="314"/>
      <c r="W9" s="314"/>
      <c r="X9" s="314"/>
      <c r="Y9" s="314"/>
      <c r="Z9" s="314"/>
      <c r="AA9" s="314"/>
      <c r="AB9" s="314"/>
      <c r="AC9" s="314"/>
      <c r="AD9" s="314"/>
      <c r="AE9" s="314"/>
      <c r="AF9" s="314"/>
    </row>
    <row r="10" spans="1:33" x14ac:dyDescent="0.15">
      <c r="B10" s="314"/>
      <c r="C10" s="314"/>
      <c r="D10" s="314"/>
      <c r="E10" s="314"/>
      <c r="F10" s="314"/>
      <c r="G10" s="314"/>
      <c r="H10" s="314"/>
      <c r="I10" s="314"/>
      <c r="J10" s="314"/>
      <c r="K10" s="314"/>
      <c r="L10" s="314"/>
      <c r="M10" s="314"/>
      <c r="N10" s="314"/>
      <c r="O10" s="314"/>
      <c r="P10" s="314"/>
      <c r="Q10" s="314"/>
      <c r="R10" s="314"/>
      <c r="S10" s="314"/>
      <c r="T10" s="314"/>
      <c r="U10" s="314"/>
      <c r="V10" s="314"/>
      <c r="W10" s="314"/>
      <c r="X10" s="314"/>
      <c r="Y10" s="314"/>
      <c r="Z10" s="314"/>
      <c r="AA10" s="314"/>
      <c r="AB10" s="314"/>
      <c r="AC10" s="314"/>
      <c r="AD10" s="314"/>
      <c r="AE10" s="314"/>
      <c r="AF10" s="314"/>
    </row>
    <row r="11" spans="1:33" x14ac:dyDescent="0.15">
      <c r="B11" s="154"/>
      <c r="C11" s="154"/>
      <c r="D11" s="154"/>
      <c r="E11" s="154"/>
      <c r="F11" s="154"/>
      <c r="G11" s="154"/>
      <c r="H11" s="154"/>
      <c r="I11" s="154"/>
      <c r="J11" s="154"/>
      <c r="K11" s="154"/>
      <c r="L11" s="154"/>
      <c r="M11" s="154"/>
      <c r="N11" s="154"/>
      <c r="O11" s="154"/>
      <c r="P11" s="154"/>
      <c r="Q11" s="154"/>
      <c r="R11" s="154"/>
      <c r="S11" s="154"/>
      <c r="T11" s="154"/>
      <c r="U11" s="154"/>
      <c r="V11" s="154"/>
      <c r="W11" s="154"/>
      <c r="X11" s="154"/>
      <c r="Y11" s="154"/>
      <c r="Z11" s="154"/>
      <c r="AA11" s="154"/>
    </row>
    <row r="12" spans="1:33" x14ac:dyDescent="0.15">
      <c r="A12" s="151" t="s">
        <v>88</v>
      </c>
    </row>
    <row r="13" spans="1:33" ht="36" customHeight="1" x14ac:dyDescent="0.15"/>
    <row r="14" spans="1:33" ht="13.5" customHeight="1" x14ac:dyDescent="0.15">
      <c r="R14" s="309" t="s">
        <v>87</v>
      </c>
      <c r="S14" s="310"/>
      <c r="T14" s="310"/>
      <c r="U14" s="310"/>
      <c r="V14" s="311"/>
      <c r="W14" s="155"/>
      <c r="X14" s="156"/>
      <c r="Y14" s="156"/>
      <c r="Z14" s="156"/>
      <c r="AA14" s="156"/>
      <c r="AB14" s="156"/>
      <c r="AC14" s="156"/>
      <c r="AD14" s="156"/>
      <c r="AE14" s="156"/>
      <c r="AF14" s="157"/>
    </row>
    <row r="15" spans="1:33" s="158" customFormat="1" ht="34.5" customHeight="1" x14ac:dyDescent="0.15">
      <c r="A15" s="151"/>
      <c r="B15" s="151"/>
      <c r="C15" s="151"/>
      <c r="D15" s="151"/>
      <c r="E15" s="151"/>
      <c r="F15" s="151"/>
      <c r="G15" s="151"/>
      <c r="H15" s="151"/>
      <c r="I15" s="151"/>
      <c r="J15" s="151"/>
      <c r="K15" s="151"/>
      <c r="L15" s="151"/>
      <c r="M15" s="151"/>
      <c r="N15" s="151"/>
      <c r="O15" s="151"/>
      <c r="P15" s="151"/>
      <c r="Q15" s="151"/>
      <c r="R15" s="151"/>
      <c r="S15" s="151"/>
      <c r="T15" s="151"/>
      <c r="U15" s="151"/>
      <c r="V15" s="151"/>
      <c r="W15" s="151"/>
      <c r="X15" s="151"/>
      <c r="Y15" s="151"/>
      <c r="Z15" s="151"/>
      <c r="AA15" s="151"/>
      <c r="AB15" s="151"/>
      <c r="AC15" s="151"/>
      <c r="AD15" s="151"/>
      <c r="AE15" s="151"/>
      <c r="AF15" s="151"/>
      <c r="AG15" s="151"/>
    </row>
    <row r="16" spans="1:33" s="158" customFormat="1" x14ac:dyDescent="0.15">
      <c r="B16" s="309" t="s">
        <v>86</v>
      </c>
      <c r="C16" s="310"/>
      <c r="D16" s="310"/>
      <c r="E16" s="310"/>
      <c r="F16" s="310"/>
      <c r="G16" s="310"/>
      <c r="H16" s="310"/>
      <c r="I16" s="310"/>
      <c r="J16" s="310"/>
      <c r="K16" s="310"/>
      <c r="L16" s="311"/>
      <c r="M16" s="310" t="s">
        <v>85</v>
      </c>
      <c r="N16" s="311"/>
      <c r="O16" s="309" t="s">
        <v>84</v>
      </c>
      <c r="P16" s="310"/>
      <c r="Q16" s="310"/>
      <c r="R16" s="310"/>
      <c r="S16" s="310"/>
      <c r="T16" s="310"/>
      <c r="U16" s="310"/>
      <c r="V16" s="310"/>
      <c r="W16" s="310"/>
      <c r="X16" s="310"/>
      <c r="Y16" s="310"/>
      <c r="Z16" s="310"/>
      <c r="AA16" s="310"/>
      <c r="AB16" s="310"/>
      <c r="AC16" s="310"/>
      <c r="AD16" s="310"/>
      <c r="AE16" s="310"/>
      <c r="AF16" s="311"/>
    </row>
    <row r="17" spans="2:32" s="158" customFormat="1" x14ac:dyDescent="0.15">
      <c r="B17" s="315" t="s">
        <v>7</v>
      </c>
      <c r="C17" s="316"/>
      <c r="D17" s="316"/>
      <c r="E17" s="316"/>
      <c r="F17" s="316"/>
      <c r="G17" s="316"/>
      <c r="H17" s="316"/>
      <c r="I17" s="316"/>
      <c r="J17" s="316"/>
      <c r="K17" s="316"/>
      <c r="L17" s="317"/>
      <c r="M17" s="159"/>
      <c r="N17" s="160" t="s">
        <v>78</v>
      </c>
      <c r="O17" s="324"/>
      <c r="P17" s="325"/>
      <c r="Q17" s="325"/>
      <c r="R17" s="325"/>
      <c r="S17" s="325"/>
      <c r="T17" s="325"/>
      <c r="U17" s="325"/>
      <c r="V17" s="325"/>
      <c r="W17" s="325"/>
      <c r="X17" s="325"/>
      <c r="Y17" s="325"/>
      <c r="Z17" s="325"/>
      <c r="AA17" s="325"/>
      <c r="AB17" s="325"/>
      <c r="AC17" s="325"/>
      <c r="AD17" s="325"/>
      <c r="AE17" s="325"/>
      <c r="AF17" s="326"/>
    </row>
    <row r="18" spans="2:32" s="158" customFormat="1" x14ac:dyDescent="0.15">
      <c r="B18" s="318"/>
      <c r="C18" s="319"/>
      <c r="D18" s="319"/>
      <c r="E18" s="319"/>
      <c r="F18" s="319"/>
      <c r="G18" s="319"/>
      <c r="H18" s="319"/>
      <c r="I18" s="319"/>
      <c r="J18" s="319"/>
      <c r="K18" s="319"/>
      <c r="L18" s="320"/>
      <c r="M18" s="161"/>
      <c r="N18" s="162" t="s">
        <v>78</v>
      </c>
      <c r="O18" s="324"/>
      <c r="P18" s="325"/>
      <c r="Q18" s="325"/>
      <c r="R18" s="325"/>
      <c r="S18" s="325"/>
      <c r="T18" s="325"/>
      <c r="U18" s="325"/>
      <c r="V18" s="325"/>
      <c r="W18" s="325"/>
      <c r="X18" s="325"/>
      <c r="Y18" s="325"/>
      <c r="Z18" s="325"/>
      <c r="AA18" s="325"/>
      <c r="AB18" s="325"/>
      <c r="AC18" s="325"/>
      <c r="AD18" s="325"/>
      <c r="AE18" s="325"/>
      <c r="AF18" s="326"/>
    </row>
    <row r="19" spans="2:32" s="158" customFormat="1" x14ac:dyDescent="0.15">
      <c r="B19" s="321"/>
      <c r="C19" s="322"/>
      <c r="D19" s="322"/>
      <c r="E19" s="322"/>
      <c r="F19" s="322"/>
      <c r="G19" s="322"/>
      <c r="H19" s="322"/>
      <c r="I19" s="322"/>
      <c r="J19" s="322"/>
      <c r="K19" s="322"/>
      <c r="L19" s="323"/>
      <c r="M19" s="161"/>
      <c r="N19" s="162" t="s">
        <v>78</v>
      </c>
      <c r="O19" s="324"/>
      <c r="P19" s="325"/>
      <c r="Q19" s="325"/>
      <c r="R19" s="325"/>
      <c r="S19" s="325"/>
      <c r="T19" s="325"/>
      <c r="U19" s="325"/>
      <c r="V19" s="325"/>
      <c r="W19" s="325"/>
      <c r="X19" s="325"/>
      <c r="Y19" s="325"/>
      <c r="Z19" s="325"/>
      <c r="AA19" s="325"/>
      <c r="AB19" s="325"/>
      <c r="AC19" s="325"/>
      <c r="AD19" s="325"/>
      <c r="AE19" s="325"/>
      <c r="AF19" s="326"/>
    </row>
    <row r="20" spans="2:32" s="158" customFormat="1" x14ac:dyDescent="0.15">
      <c r="B20" s="315" t="s">
        <v>6</v>
      </c>
      <c r="C20" s="316"/>
      <c r="D20" s="316"/>
      <c r="E20" s="316"/>
      <c r="F20" s="316"/>
      <c r="G20" s="316"/>
      <c r="H20" s="316"/>
      <c r="I20" s="316"/>
      <c r="J20" s="316"/>
      <c r="K20" s="316"/>
      <c r="L20" s="317"/>
      <c r="M20" s="161"/>
      <c r="N20" s="163" t="s">
        <v>78</v>
      </c>
      <c r="O20" s="324"/>
      <c r="P20" s="325"/>
      <c r="Q20" s="325"/>
      <c r="R20" s="325"/>
      <c r="S20" s="325"/>
      <c r="T20" s="325"/>
      <c r="U20" s="325"/>
      <c r="V20" s="325"/>
      <c r="W20" s="325"/>
      <c r="X20" s="325"/>
      <c r="Y20" s="325"/>
      <c r="Z20" s="325"/>
      <c r="AA20" s="325"/>
      <c r="AB20" s="325"/>
      <c r="AC20" s="325"/>
      <c r="AD20" s="325"/>
      <c r="AE20" s="325"/>
      <c r="AF20" s="326"/>
    </row>
    <row r="21" spans="2:32" s="158" customFormat="1" x14ac:dyDescent="0.15">
      <c r="B21" s="318"/>
      <c r="C21" s="319"/>
      <c r="D21" s="319"/>
      <c r="E21" s="319"/>
      <c r="F21" s="319"/>
      <c r="G21" s="319"/>
      <c r="H21" s="319"/>
      <c r="I21" s="319"/>
      <c r="J21" s="319"/>
      <c r="K21" s="319"/>
      <c r="L21" s="320"/>
      <c r="M21" s="161"/>
      <c r="N21" s="163" t="s">
        <v>78</v>
      </c>
      <c r="O21" s="324"/>
      <c r="P21" s="325"/>
      <c r="Q21" s="325"/>
      <c r="R21" s="325"/>
      <c r="S21" s="325"/>
      <c r="T21" s="325"/>
      <c r="U21" s="325"/>
      <c r="V21" s="325"/>
      <c r="W21" s="325"/>
      <c r="X21" s="325"/>
      <c r="Y21" s="325"/>
      <c r="Z21" s="325"/>
      <c r="AA21" s="325"/>
      <c r="AB21" s="325"/>
      <c r="AC21" s="325"/>
      <c r="AD21" s="325"/>
      <c r="AE21" s="325"/>
      <c r="AF21" s="326"/>
    </row>
    <row r="22" spans="2:32" s="158" customFormat="1" x14ac:dyDescent="0.15">
      <c r="B22" s="321"/>
      <c r="C22" s="322"/>
      <c r="D22" s="322"/>
      <c r="E22" s="322"/>
      <c r="F22" s="322"/>
      <c r="G22" s="322"/>
      <c r="H22" s="322"/>
      <c r="I22" s="322"/>
      <c r="J22" s="322"/>
      <c r="K22" s="322"/>
      <c r="L22" s="323"/>
      <c r="M22" s="164"/>
      <c r="N22" s="165" t="s">
        <v>78</v>
      </c>
      <c r="O22" s="324"/>
      <c r="P22" s="325"/>
      <c r="Q22" s="325"/>
      <c r="R22" s="325"/>
      <c r="S22" s="325"/>
      <c r="T22" s="325"/>
      <c r="U22" s="325"/>
      <c r="V22" s="325"/>
      <c r="W22" s="325"/>
      <c r="X22" s="325"/>
      <c r="Y22" s="325"/>
      <c r="Z22" s="325"/>
      <c r="AA22" s="325"/>
      <c r="AB22" s="325"/>
      <c r="AC22" s="325"/>
      <c r="AD22" s="325"/>
      <c r="AE22" s="325"/>
      <c r="AF22" s="326"/>
    </row>
    <row r="23" spans="2:32" s="158" customFormat="1" x14ac:dyDescent="0.15">
      <c r="B23" s="315" t="s">
        <v>5</v>
      </c>
      <c r="C23" s="316"/>
      <c r="D23" s="316"/>
      <c r="E23" s="316"/>
      <c r="F23" s="316"/>
      <c r="G23" s="316"/>
      <c r="H23" s="316"/>
      <c r="I23" s="316"/>
      <c r="J23" s="316"/>
      <c r="K23" s="316"/>
      <c r="L23" s="317"/>
      <c r="M23" s="161"/>
      <c r="N23" s="163" t="s">
        <v>78</v>
      </c>
      <c r="O23" s="324"/>
      <c r="P23" s="325"/>
      <c r="Q23" s="325"/>
      <c r="R23" s="325"/>
      <c r="S23" s="325"/>
      <c r="T23" s="325"/>
      <c r="U23" s="325"/>
      <c r="V23" s="325"/>
      <c r="W23" s="325"/>
      <c r="X23" s="325"/>
      <c r="Y23" s="325"/>
      <c r="Z23" s="325"/>
      <c r="AA23" s="325"/>
      <c r="AB23" s="325"/>
      <c r="AC23" s="325"/>
      <c r="AD23" s="325"/>
      <c r="AE23" s="325"/>
      <c r="AF23" s="326"/>
    </row>
    <row r="24" spans="2:32" s="158" customFormat="1" x14ac:dyDescent="0.15">
      <c r="B24" s="318"/>
      <c r="C24" s="319"/>
      <c r="D24" s="319"/>
      <c r="E24" s="319"/>
      <c r="F24" s="319"/>
      <c r="G24" s="319"/>
      <c r="H24" s="319"/>
      <c r="I24" s="319"/>
      <c r="J24" s="319"/>
      <c r="K24" s="319"/>
      <c r="L24" s="320"/>
      <c r="M24" s="161"/>
      <c r="N24" s="163" t="s">
        <v>78</v>
      </c>
      <c r="O24" s="324"/>
      <c r="P24" s="325"/>
      <c r="Q24" s="325"/>
      <c r="R24" s="325"/>
      <c r="S24" s="325"/>
      <c r="T24" s="325"/>
      <c r="U24" s="325"/>
      <c r="V24" s="325"/>
      <c r="W24" s="325"/>
      <c r="X24" s="325"/>
      <c r="Y24" s="325"/>
      <c r="Z24" s="325"/>
      <c r="AA24" s="325"/>
      <c r="AB24" s="325"/>
      <c r="AC24" s="325"/>
      <c r="AD24" s="325"/>
      <c r="AE24" s="325"/>
      <c r="AF24" s="326"/>
    </row>
    <row r="25" spans="2:32" s="158" customFormat="1" x14ac:dyDescent="0.15">
      <c r="B25" s="321"/>
      <c r="C25" s="322"/>
      <c r="D25" s="322"/>
      <c r="E25" s="322"/>
      <c r="F25" s="322"/>
      <c r="G25" s="322"/>
      <c r="H25" s="322"/>
      <c r="I25" s="322"/>
      <c r="J25" s="322"/>
      <c r="K25" s="322"/>
      <c r="L25" s="323"/>
      <c r="M25" s="164"/>
      <c r="N25" s="165" t="s">
        <v>78</v>
      </c>
      <c r="O25" s="324"/>
      <c r="P25" s="325"/>
      <c r="Q25" s="325"/>
      <c r="R25" s="325"/>
      <c r="S25" s="325"/>
      <c r="T25" s="325"/>
      <c r="U25" s="325"/>
      <c r="V25" s="325"/>
      <c r="W25" s="325"/>
      <c r="X25" s="325"/>
      <c r="Y25" s="325"/>
      <c r="Z25" s="325"/>
      <c r="AA25" s="325"/>
      <c r="AB25" s="325"/>
      <c r="AC25" s="325"/>
      <c r="AD25" s="325"/>
      <c r="AE25" s="325"/>
      <c r="AF25" s="326"/>
    </row>
    <row r="26" spans="2:32" s="158" customFormat="1" x14ac:dyDescent="0.15">
      <c r="B26" s="315" t="s">
        <v>1</v>
      </c>
      <c r="C26" s="316"/>
      <c r="D26" s="316"/>
      <c r="E26" s="316"/>
      <c r="F26" s="316"/>
      <c r="G26" s="316"/>
      <c r="H26" s="316"/>
      <c r="I26" s="316"/>
      <c r="J26" s="316"/>
      <c r="K26" s="316"/>
      <c r="L26" s="317"/>
      <c r="M26" s="161"/>
      <c r="N26" s="163" t="s">
        <v>78</v>
      </c>
      <c r="O26" s="324"/>
      <c r="P26" s="325"/>
      <c r="Q26" s="325"/>
      <c r="R26" s="325"/>
      <c r="S26" s="325"/>
      <c r="T26" s="325"/>
      <c r="U26" s="325"/>
      <c r="V26" s="325"/>
      <c r="W26" s="325"/>
      <c r="X26" s="325"/>
      <c r="Y26" s="325"/>
      <c r="Z26" s="325"/>
      <c r="AA26" s="325"/>
      <c r="AB26" s="325"/>
      <c r="AC26" s="325"/>
      <c r="AD26" s="325"/>
      <c r="AE26" s="325"/>
      <c r="AF26" s="326"/>
    </row>
    <row r="27" spans="2:32" s="158" customFormat="1" x14ac:dyDescent="0.15">
      <c r="B27" s="327"/>
      <c r="C27" s="314"/>
      <c r="D27" s="314"/>
      <c r="E27" s="314"/>
      <c r="F27" s="314"/>
      <c r="G27" s="314"/>
      <c r="H27" s="314"/>
      <c r="I27" s="314"/>
      <c r="J27" s="314"/>
      <c r="K27" s="314"/>
      <c r="L27" s="328"/>
      <c r="M27" s="161"/>
      <c r="N27" s="163" t="s">
        <v>78</v>
      </c>
      <c r="O27" s="324"/>
      <c r="P27" s="325"/>
      <c r="Q27" s="325"/>
      <c r="R27" s="325"/>
      <c r="S27" s="325"/>
      <c r="T27" s="325"/>
      <c r="U27" s="325"/>
      <c r="V27" s="325"/>
      <c r="W27" s="325"/>
      <c r="X27" s="325"/>
      <c r="Y27" s="325"/>
      <c r="Z27" s="325"/>
      <c r="AA27" s="325"/>
      <c r="AB27" s="325"/>
      <c r="AC27" s="325"/>
      <c r="AD27" s="325"/>
      <c r="AE27" s="325"/>
      <c r="AF27" s="326"/>
    </row>
    <row r="28" spans="2:32" s="158" customFormat="1" x14ac:dyDescent="0.15">
      <c r="B28" s="329"/>
      <c r="C28" s="330"/>
      <c r="D28" s="330"/>
      <c r="E28" s="330"/>
      <c r="F28" s="330"/>
      <c r="G28" s="330"/>
      <c r="H28" s="330"/>
      <c r="I28" s="330"/>
      <c r="J28" s="330"/>
      <c r="K28" s="330"/>
      <c r="L28" s="331"/>
      <c r="M28" s="164"/>
      <c r="N28" s="165" t="s">
        <v>78</v>
      </c>
      <c r="O28" s="324"/>
      <c r="P28" s="325"/>
      <c r="Q28" s="325"/>
      <c r="R28" s="325"/>
      <c r="S28" s="325"/>
      <c r="T28" s="325"/>
      <c r="U28" s="325"/>
      <c r="V28" s="325"/>
      <c r="W28" s="325"/>
      <c r="X28" s="325"/>
      <c r="Y28" s="325"/>
      <c r="Z28" s="325"/>
      <c r="AA28" s="325"/>
      <c r="AB28" s="325"/>
      <c r="AC28" s="325"/>
      <c r="AD28" s="325"/>
      <c r="AE28" s="325"/>
      <c r="AF28" s="326"/>
    </row>
    <row r="29" spans="2:32" s="158" customFormat="1" x14ac:dyDescent="0.15">
      <c r="B29" s="315" t="s">
        <v>4</v>
      </c>
      <c r="C29" s="316"/>
      <c r="D29" s="316"/>
      <c r="E29" s="316"/>
      <c r="F29" s="316"/>
      <c r="G29" s="316"/>
      <c r="H29" s="316"/>
      <c r="I29" s="316"/>
      <c r="J29" s="316"/>
      <c r="K29" s="316"/>
      <c r="L29" s="317"/>
      <c r="M29" s="161"/>
      <c r="N29" s="163" t="s">
        <v>78</v>
      </c>
      <c r="O29" s="324"/>
      <c r="P29" s="325"/>
      <c r="Q29" s="325"/>
      <c r="R29" s="325"/>
      <c r="S29" s="325"/>
      <c r="T29" s="325"/>
      <c r="U29" s="325"/>
      <c r="V29" s="325"/>
      <c r="W29" s="325"/>
      <c r="X29" s="325"/>
      <c r="Y29" s="325"/>
      <c r="Z29" s="325"/>
      <c r="AA29" s="325"/>
      <c r="AB29" s="325"/>
      <c r="AC29" s="325"/>
      <c r="AD29" s="325"/>
      <c r="AE29" s="325"/>
      <c r="AF29" s="326"/>
    </row>
    <row r="30" spans="2:32" s="158" customFormat="1" x14ac:dyDescent="0.15">
      <c r="B30" s="318"/>
      <c r="C30" s="319"/>
      <c r="D30" s="319"/>
      <c r="E30" s="319"/>
      <c r="F30" s="319"/>
      <c r="G30" s="319"/>
      <c r="H30" s="319"/>
      <c r="I30" s="319"/>
      <c r="J30" s="319"/>
      <c r="K30" s="319"/>
      <c r="L30" s="320"/>
      <c r="M30" s="161"/>
      <c r="N30" s="163" t="s">
        <v>78</v>
      </c>
      <c r="O30" s="324"/>
      <c r="P30" s="325"/>
      <c r="Q30" s="325"/>
      <c r="R30" s="325"/>
      <c r="S30" s="325"/>
      <c r="T30" s="325"/>
      <c r="U30" s="325"/>
      <c r="V30" s="325"/>
      <c r="W30" s="325"/>
      <c r="X30" s="325"/>
      <c r="Y30" s="325"/>
      <c r="Z30" s="325"/>
      <c r="AA30" s="325"/>
      <c r="AB30" s="325"/>
      <c r="AC30" s="325"/>
      <c r="AD30" s="325"/>
      <c r="AE30" s="325"/>
      <c r="AF30" s="326"/>
    </row>
    <row r="31" spans="2:32" s="158" customFormat="1" x14ac:dyDescent="0.15">
      <c r="B31" s="321"/>
      <c r="C31" s="322"/>
      <c r="D31" s="322"/>
      <c r="E31" s="322"/>
      <c r="F31" s="322"/>
      <c r="G31" s="322"/>
      <c r="H31" s="322"/>
      <c r="I31" s="322"/>
      <c r="J31" s="322"/>
      <c r="K31" s="322"/>
      <c r="L31" s="323"/>
      <c r="M31" s="164"/>
      <c r="N31" s="165" t="s">
        <v>78</v>
      </c>
      <c r="O31" s="324"/>
      <c r="P31" s="325"/>
      <c r="Q31" s="325"/>
      <c r="R31" s="325"/>
      <c r="S31" s="325"/>
      <c r="T31" s="325"/>
      <c r="U31" s="325"/>
      <c r="V31" s="325"/>
      <c r="W31" s="325"/>
      <c r="X31" s="325"/>
      <c r="Y31" s="325"/>
      <c r="Z31" s="325"/>
      <c r="AA31" s="325"/>
      <c r="AB31" s="325"/>
      <c r="AC31" s="325"/>
      <c r="AD31" s="325"/>
      <c r="AE31" s="325"/>
      <c r="AF31" s="326"/>
    </row>
    <row r="32" spans="2:32" s="158" customFormat="1" x14ac:dyDescent="0.15">
      <c r="B32" s="315" t="s">
        <v>83</v>
      </c>
      <c r="C32" s="316"/>
      <c r="D32" s="316"/>
      <c r="E32" s="316"/>
      <c r="F32" s="316"/>
      <c r="G32" s="316"/>
      <c r="H32" s="316"/>
      <c r="I32" s="316"/>
      <c r="J32" s="316"/>
      <c r="K32" s="316"/>
      <c r="L32" s="317"/>
      <c r="M32" s="161"/>
      <c r="N32" s="163" t="s">
        <v>78</v>
      </c>
      <c r="O32" s="324"/>
      <c r="P32" s="325"/>
      <c r="Q32" s="325"/>
      <c r="R32" s="325"/>
      <c r="S32" s="325"/>
      <c r="T32" s="325"/>
      <c r="U32" s="325"/>
      <c r="V32" s="325"/>
      <c r="W32" s="325"/>
      <c r="X32" s="325"/>
      <c r="Y32" s="325"/>
      <c r="Z32" s="325"/>
      <c r="AA32" s="325"/>
      <c r="AB32" s="325"/>
      <c r="AC32" s="325"/>
      <c r="AD32" s="325"/>
      <c r="AE32" s="325"/>
      <c r="AF32" s="326"/>
    </row>
    <row r="33" spans="1:33" s="158" customFormat="1" x14ac:dyDescent="0.15">
      <c r="B33" s="327"/>
      <c r="C33" s="314"/>
      <c r="D33" s="314"/>
      <c r="E33" s="314"/>
      <c r="F33" s="314"/>
      <c r="G33" s="314"/>
      <c r="H33" s="314"/>
      <c r="I33" s="314"/>
      <c r="J33" s="314"/>
      <c r="K33" s="314"/>
      <c r="L33" s="328"/>
      <c r="M33" s="161"/>
      <c r="N33" s="163" t="s">
        <v>78</v>
      </c>
      <c r="O33" s="324"/>
      <c r="P33" s="325"/>
      <c r="Q33" s="325"/>
      <c r="R33" s="325"/>
      <c r="S33" s="325"/>
      <c r="T33" s="325"/>
      <c r="U33" s="325"/>
      <c r="V33" s="325"/>
      <c r="W33" s="325"/>
      <c r="X33" s="325"/>
      <c r="Y33" s="325"/>
      <c r="Z33" s="325"/>
      <c r="AA33" s="325"/>
      <c r="AB33" s="325"/>
      <c r="AC33" s="325"/>
      <c r="AD33" s="325"/>
      <c r="AE33" s="325"/>
      <c r="AF33" s="326"/>
    </row>
    <row r="34" spans="1:33" s="158" customFormat="1" x14ac:dyDescent="0.15">
      <c r="B34" s="329"/>
      <c r="C34" s="330"/>
      <c r="D34" s="330"/>
      <c r="E34" s="330"/>
      <c r="F34" s="330"/>
      <c r="G34" s="330"/>
      <c r="H34" s="330"/>
      <c r="I34" s="330"/>
      <c r="J34" s="330"/>
      <c r="K34" s="330"/>
      <c r="L34" s="331"/>
      <c r="M34" s="164"/>
      <c r="N34" s="165" t="s">
        <v>78</v>
      </c>
      <c r="O34" s="324"/>
      <c r="P34" s="325"/>
      <c r="Q34" s="325"/>
      <c r="R34" s="325"/>
      <c r="S34" s="325"/>
      <c r="T34" s="325"/>
      <c r="U34" s="325"/>
      <c r="V34" s="325"/>
      <c r="W34" s="325"/>
      <c r="X34" s="325"/>
      <c r="Y34" s="325"/>
      <c r="Z34" s="325"/>
      <c r="AA34" s="325"/>
      <c r="AB34" s="325"/>
      <c r="AC34" s="325"/>
      <c r="AD34" s="325"/>
      <c r="AE34" s="325"/>
      <c r="AF34" s="326"/>
    </row>
    <row r="35" spans="1:33" s="158" customFormat="1" x14ac:dyDescent="0.15">
      <c r="B35" s="315" t="s">
        <v>82</v>
      </c>
      <c r="C35" s="316"/>
      <c r="D35" s="316"/>
      <c r="E35" s="316"/>
      <c r="F35" s="316"/>
      <c r="G35" s="316"/>
      <c r="H35" s="316"/>
      <c r="I35" s="316"/>
      <c r="J35" s="316"/>
      <c r="K35" s="316"/>
      <c r="L35" s="317"/>
      <c r="M35" s="161"/>
      <c r="N35" s="163" t="s">
        <v>78</v>
      </c>
      <c r="O35" s="324"/>
      <c r="P35" s="325"/>
      <c r="Q35" s="325"/>
      <c r="R35" s="325"/>
      <c r="S35" s="325"/>
      <c r="T35" s="325"/>
      <c r="U35" s="325"/>
      <c r="V35" s="325"/>
      <c r="W35" s="325"/>
      <c r="X35" s="325"/>
      <c r="Y35" s="325"/>
      <c r="Z35" s="325"/>
      <c r="AA35" s="325"/>
      <c r="AB35" s="325"/>
      <c r="AC35" s="325"/>
      <c r="AD35" s="325"/>
      <c r="AE35" s="325"/>
      <c r="AF35" s="326"/>
    </row>
    <row r="36" spans="1:33" s="158" customFormat="1" x14ac:dyDescent="0.15">
      <c r="B36" s="327"/>
      <c r="C36" s="314"/>
      <c r="D36" s="314"/>
      <c r="E36" s="314"/>
      <c r="F36" s="314"/>
      <c r="G36" s="314"/>
      <c r="H36" s="314"/>
      <c r="I36" s="314"/>
      <c r="J36" s="314"/>
      <c r="K36" s="314"/>
      <c r="L36" s="328"/>
      <c r="M36" s="161"/>
      <c r="N36" s="163" t="s">
        <v>78</v>
      </c>
      <c r="O36" s="324"/>
      <c r="P36" s="325"/>
      <c r="Q36" s="325"/>
      <c r="R36" s="325"/>
      <c r="S36" s="325"/>
      <c r="T36" s="325"/>
      <c r="U36" s="325"/>
      <c r="V36" s="325"/>
      <c r="W36" s="325"/>
      <c r="X36" s="325"/>
      <c r="Y36" s="325"/>
      <c r="Z36" s="325"/>
      <c r="AA36" s="325"/>
      <c r="AB36" s="325"/>
      <c r="AC36" s="325"/>
      <c r="AD36" s="325"/>
      <c r="AE36" s="325"/>
      <c r="AF36" s="326"/>
    </row>
    <row r="37" spans="1:33" s="158" customFormat="1" x14ac:dyDescent="0.15">
      <c r="B37" s="329"/>
      <c r="C37" s="330"/>
      <c r="D37" s="330"/>
      <c r="E37" s="330"/>
      <c r="F37" s="330"/>
      <c r="G37" s="330"/>
      <c r="H37" s="330"/>
      <c r="I37" s="330"/>
      <c r="J37" s="330"/>
      <c r="K37" s="330"/>
      <c r="L37" s="331"/>
      <c r="M37" s="164"/>
      <c r="N37" s="165" t="s">
        <v>78</v>
      </c>
      <c r="O37" s="324"/>
      <c r="P37" s="325"/>
      <c r="Q37" s="325"/>
      <c r="R37" s="325"/>
      <c r="S37" s="325"/>
      <c r="T37" s="325"/>
      <c r="U37" s="325"/>
      <c r="V37" s="325"/>
      <c r="W37" s="325"/>
      <c r="X37" s="325"/>
      <c r="Y37" s="325"/>
      <c r="Z37" s="325"/>
      <c r="AA37" s="325"/>
      <c r="AB37" s="325"/>
      <c r="AC37" s="325"/>
      <c r="AD37" s="325"/>
      <c r="AE37" s="325"/>
      <c r="AF37" s="326"/>
    </row>
    <row r="38" spans="1:33" s="158" customFormat="1" x14ac:dyDescent="0.15">
      <c r="B38" s="332" t="s">
        <v>3</v>
      </c>
      <c r="C38" s="333"/>
      <c r="D38" s="333"/>
      <c r="E38" s="333"/>
      <c r="F38" s="333"/>
      <c r="G38" s="333"/>
      <c r="H38" s="333"/>
      <c r="I38" s="333"/>
      <c r="J38" s="333"/>
      <c r="K38" s="333"/>
      <c r="L38" s="334"/>
      <c r="M38" s="161"/>
      <c r="N38" s="163" t="s">
        <v>78</v>
      </c>
      <c r="O38" s="335"/>
      <c r="P38" s="336"/>
      <c r="Q38" s="336"/>
      <c r="R38" s="336"/>
      <c r="S38" s="336"/>
      <c r="T38" s="336"/>
      <c r="U38" s="336"/>
      <c r="V38" s="336"/>
      <c r="W38" s="336"/>
      <c r="X38" s="336"/>
      <c r="Y38" s="336"/>
      <c r="Z38" s="336"/>
      <c r="AA38" s="336"/>
      <c r="AB38" s="336"/>
      <c r="AC38" s="336"/>
      <c r="AD38" s="336"/>
      <c r="AE38" s="336"/>
      <c r="AF38" s="337"/>
    </row>
    <row r="39" spans="1:33" s="158" customFormat="1" x14ac:dyDescent="0.15">
      <c r="A39" s="166"/>
      <c r="B39" s="327"/>
      <c r="C39" s="316"/>
      <c r="D39" s="314"/>
      <c r="E39" s="314"/>
      <c r="F39" s="314"/>
      <c r="G39" s="314"/>
      <c r="H39" s="314"/>
      <c r="I39" s="314"/>
      <c r="J39" s="314"/>
      <c r="K39" s="314"/>
      <c r="L39" s="328"/>
      <c r="M39" s="167"/>
      <c r="N39" s="168" t="s">
        <v>78</v>
      </c>
      <c r="O39" s="338"/>
      <c r="P39" s="339"/>
      <c r="Q39" s="339"/>
      <c r="R39" s="339"/>
      <c r="S39" s="339"/>
      <c r="T39" s="339"/>
      <c r="U39" s="339"/>
      <c r="V39" s="339"/>
      <c r="W39" s="339"/>
      <c r="X39" s="339"/>
      <c r="Y39" s="339"/>
      <c r="Z39" s="339"/>
      <c r="AA39" s="339"/>
      <c r="AB39" s="339"/>
      <c r="AC39" s="339"/>
      <c r="AD39" s="339"/>
      <c r="AE39" s="339"/>
      <c r="AF39" s="340"/>
    </row>
    <row r="40" spans="1:33" s="158" customFormat="1" ht="17.25" customHeight="1" x14ac:dyDescent="0.15">
      <c r="B40" s="329"/>
      <c r="C40" s="330"/>
      <c r="D40" s="330"/>
      <c r="E40" s="330"/>
      <c r="F40" s="330"/>
      <c r="G40" s="330"/>
      <c r="H40" s="330"/>
      <c r="I40" s="330"/>
      <c r="J40" s="330"/>
      <c r="K40" s="330"/>
      <c r="L40" s="331"/>
      <c r="M40" s="164"/>
      <c r="N40" s="165" t="s">
        <v>78</v>
      </c>
      <c r="O40" s="324"/>
      <c r="P40" s="325"/>
      <c r="Q40" s="325"/>
      <c r="R40" s="325"/>
      <c r="S40" s="325"/>
      <c r="T40" s="325"/>
      <c r="U40" s="325"/>
      <c r="V40" s="325"/>
      <c r="W40" s="325"/>
      <c r="X40" s="325"/>
      <c r="Y40" s="325"/>
      <c r="Z40" s="325"/>
      <c r="AA40" s="325"/>
      <c r="AB40" s="325"/>
      <c r="AC40" s="325"/>
      <c r="AD40" s="325"/>
      <c r="AE40" s="325"/>
      <c r="AF40" s="326"/>
    </row>
    <row r="41" spans="1:33" s="158" customFormat="1" x14ac:dyDescent="0.15">
      <c r="B41" s="315" t="s">
        <v>2</v>
      </c>
      <c r="C41" s="316"/>
      <c r="D41" s="316"/>
      <c r="E41" s="316"/>
      <c r="F41" s="316"/>
      <c r="G41" s="316"/>
      <c r="H41" s="316"/>
      <c r="I41" s="316"/>
      <c r="J41" s="316"/>
      <c r="K41" s="316"/>
      <c r="L41" s="317"/>
      <c r="M41" s="161"/>
      <c r="N41" s="163" t="s">
        <v>78</v>
      </c>
      <c r="O41" s="324"/>
      <c r="P41" s="325"/>
      <c r="Q41" s="325"/>
      <c r="R41" s="325"/>
      <c r="S41" s="325"/>
      <c r="T41" s="325"/>
      <c r="U41" s="325"/>
      <c r="V41" s="325"/>
      <c r="W41" s="325"/>
      <c r="X41" s="325"/>
      <c r="Y41" s="325"/>
      <c r="Z41" s="325"/>
      <c r="AA41" s="325"/>
      <c r="AB41" s="325"/>
      <c r="AC41" s="325"/>
      <c r="AD41" s="325"/>
      <c r="AE41" s="325"/>
      <c r="AF41" s="326"/>
    </row>
    <row r="42" spans="1:33" s="158" customFormat="1" x14ac:dyDescent="0.15">
      <c r="B42" s="327"/>
      <c r="C42" s="314"/>
      <c r="D42" s="314"/>
      <c r="E42" s="314"/>
      <c r="F42" s="314"/>
      <c r="G42" s="314"/>
      <c r="H42" s="314"/>
      <c r="I42" s="314"/>
      <c r="J42" s="314"/>
      <c r="K42" s="314"/>
      <c r="L42" s="328"/>
      <c r="M42" s="161"/>
      <c r="N42" s="163" t="s">
        <v>78</v>
      </c>
      <c r="O42" s="324"/>
      <c r="P42" s="325"/>
      <c r="Q42" s="325"/>
      <c r="R42" s="325"/>
      <c r="S42" s="325"/>
      <c r="T42" s="325"/>
      <c r="U42" s="325"/>
      <c r="V42" s="325"/>
      <c r="W42" s="325"/>
      <c r="X42" s="325"/>
      <c r="Y42" s="325"/>
      <c r="Z42" s="325"/>
      <c r="AA42" s="325"/>
      <c r="AB42" s="325"/>
      <c r="AC42" s="325"/>
      <c r="AD42" s="325"/>
      <c r="AE42" s="325"/>
      <c r="AF42" s="326"/>
    </row>
    <row r="43" spans="1:33" ht="18" thickBot="1" x14ac:dyDescent="0.2">
      <c r="A43" s="158"/>
      <c r="B43" s="329"/>
      <c r="C43" s="330"/>
      <c r="D43" s="330"/>
      <c r="E43" s="330"/>
      <c r="F43" s="330"/>
      <c r="G43" s="330"/>
      <c r="H43" s="330"/>
      <c r="I43" s="330"/>
      <c r="J43" s="330"/>
      <c r="K43" s="330"/>
      <c r="L43" s="331"/>
      <c r="M43" s="169"/>
      <c r="N43" s="170" t="s">
        <v>78</v>
      </c>
      <c r="O43" s="341"/>
      <c r="P43" s="342"/>
      <c r="Q43" s="342"/>
      <c r="R43" s="342"/>
      <c r="S43" s="342"/>
      <c r="T43" s="342"/>
      <c r="U43" s="342"/>
      <c r="V43" s="342"/>
      <c r="W43" s="342"/>
      <c r="X43" s="342"/>
      <c r="Y43" s="342"/>
      <c r="Z43" s="342"/>
      <c r="AA43" s="342"/>
      <c r="AB43" s="342"/>
      <c r="AC43" s="342"/>
      <c r="AD43" s="342"/>
      <c r="AE43" s="342"/>
      <c r="AF43" s="343"/>
      <c r="AG43" s="158"/>
    </row>
    <row r="44" spans="1:33" ht="18" thickTop="1" x14ac:dyDescent="0.15">
      <c r="A44" s="158"/>
      <c r="B44" s="344" t="s">
        <v>81</v>
      </c>
      <c r="C44" s="345"/>
      <c r="D44" s="345"/>
      <c r="E44" s="345"/>
      <c r="F44" s="345"/>
      <c r="G44" s="345"/>
      <c r="H44" s="345"/>
      <c r="I44" s="345"/>
      <c r="J44" s="345"/>
      <c r="K44" s="345"/>
      <c r="L44" s="346"/>
      <c r="M44" s="171"/>
      <c r="N44" s="172" t="s">
        <v>78</v>
      </c>
      <c r="O44" s="347"/>
      <c r="P44" s="348"/>
      <c r="Q44" s="348"/>
      <c r="R44" s="348"/>
      <c r="S44" s="348"/>
      <c r="T44" s="348"/>
      <c r="U44" s="348"/>
      <c r="V44" s="348"/>
      <c r="W44" s="348"/>
      <c r="X44" s="348"/>
      <c r="Y44" s="348"/>
      <c r="Z44" s="348"/>
      <c r="AA44" s="348"/>
      <c r="AB44" s="348"/>
      <c r="AC44" s="348"/>
      <c r="AD44" s="348"/>
      <c r="AE44" s="348"/>
      <c r="AF44" s="349"/>
      <c r="AG44" s="158"/>
    </row>
    <row r="45" spans="1:33" x14ac:dyDescent="0.15">
      <c r="A45" s="158"/>
      <c r="B45" s="327"/>
      <c r="C45" s="314"/>
      <c r="D45" s="314"/>
      <c r="E45" s="314"/>
      <c r="F45" s="314"/>
      <c r="G45" s="314"/>
      <c r="H45" s="314"/>
      <c r="I45" s="314"/>
      <c r="J45" s="314"/>
      <c r="K45" s="314"/>
      <c r="L45" s="328"/>
      <c r="M45" s="161"/>
      <c r="N45" s="163" t="s">
        <v>78</v>
      </c>
      <c r="O45" s="324"/>
      <c r="P45" s="325"/>
      <c r="Q45" s="325"/>
      <c r="R45" s="325"/>
      <c r="S45" s="325"/>
      <c r="T45" s="325"/>
      <c r="U45" s="325"/>
      <c r="V45" s="325"/>
      <c r="W45" s="325"/>
      <c r="X45" s="325"/>
      <c r="Y45" s="325"/>
      <c r="Z45" s="325"/>
      <c r="AA45" s="325"/>
      <c r="AB45" s="325"/>
      <c r="AC45" s="325"/>
      <c r="AD45" s="325"/>
      <c r="AE45" s="325"/>
      <c r="AF45" s="326"/>
      <c r="AG45" s="158"/>
    </row>
    <row r="46" spans="1:33" x14ac:dyDescent="0.15">
      <c r="A46" s="158"/>
      <c r="B46" s="329"/>
      <c r="C46" s="330"/>
      <c r="D46" s="330"/>
      <c r="E46" s="330"/>
      <c r="F46" s="330"/>
      <c r="G46" s="330"/>
      <c r="H46" s="330"/>
      <c r="I46" s="330"/>
      <c r="J46" s="330"/>
      <c r="K46" s="330"/>
      <c r="L46" s="331"/>
      <c r="M46" s="164"/>
      <c r="N46" s="165" t="s">
        <v>78</v>
      </c>
      <c r="O46" s="324"/>
      <c r="P46" s="325"/>
      <c r="Q46" s="325"/>
      <c r="R46" s="325"/>
      <c r="S46" s="325"/>
      <c r="T46" s="325"/>
      <c r="U46" s="325"/>
      <c r="V46" s="325"/>
      <c r="W46" s="325"/>
      <c r="X46" s="325"/>
      <c r="Y46" s="325"/>
      <c r="Z46" s="325"/>
      <c r="AA46" s="325"/>
      <c r="AB46" s="325"/>
      <c r="AC46" s="325"/>
      <c r="AD46" s="325"/>
      <c r="AE46" s="325"/>
      <c r="AF46" s="326"/>
      <c r="AG46" s="158"/>
    </row>
    <row r="47" spans="1:33" x14ac:dyDescent="0.15">
      <c r="A47" s="158"/>
      <c r="B47" s="315" t="s">
        <v>80</v>
      </c>
      <c r="C47" s="316"/>
      <c r="D47" s="316"/>
      <c r="E47" s="316"/>
      <c r="F47" s="316"/>
      <c r="G47" s="316"/>
      <c r="H47" s="316"/>
      <c r="I47" s="316"/>
      <c r="J47" s="316"/>
      <c r="K47" s="316"/>
      <c r="L47" s="317"/>
      <c r="M47" s="161"/>
      <c r="N47" s="163" t="s">
        <v>78</v>
      </c>
      <c r="O47" s="324"/>
      <c r="P47" s="325"/>
      <c r="Q47" s="325"/>
      <c r="R47" s="325"/>
      <c r="S47" s="325"/>
      <c r="T47" s="325"/>
      <c r="U47" s="325"/>
      <c r="V47" s="325"/>
      <c r="W47" s="325"/>
      <c r="X47" s="325"/>
      <c r="Y47" s="325"/>
      <c r="Z47" s="325"/>
      <c r="AA47" s="325"/>
      <c r="AB47" s="325"/>
      <c r="AC47" s="325"/>
      <c r="AD47" s="325"/>
      <c r="AE47" s="325"/>
      <c r="AF47" s="326"/>
      <c r="AG47" s="158"/>
    </row>
    <row r="48" spans="1:33" x14ac:dyDescent="0.15">
      <c r="A48" s="158"/>
      <c r="B48" s="327"/>
      <c r="C48" s="314"/>
      <c r="D48" s="314"/>
      <c r="E48" s="314"/>
      <c r="F48" s="314"/>
      <c r="G48" s="314"/>
      <c r="H48" s="314"/>
      <c r="I48" s="314"/>
      <c r="J48" s="314"/>
      <c r="K48" s="314"/>
      <c r="L48" s="328"/>
      <c r="M48" s="161"/>
      <c r="N48" s="163" t="s">
        <v>78</v>
      </c>
      <c r="O48" s="324"/>
      <c r="P48" s="325"/>
      <c r="Q48" s="325"/>
      <c r="R48" s="325"/>
      <c r="S48" s="325"/>
      <c r="T48" s="325"/>
      <c r="U48" s="325"/>
      <c r="V48" s="325"/>
      <c r="W48" s="325"/>
      <c r="X48" s="325"/>
      <c r="Y48" s="325"/>
      <c r="Z48" s="325"/>
      <c r="AA48" s="325"/>
      <c r="AB48" s="325"/>
      <c r="AC48" s="325"/>
      <c r="AD48" s="325"/>
      <c r="AE48" s="325"/>
      <c r="AF48" s="326"/>
      <c r="AG48" s="158"/>
    </row>
    <row r="49" spans="1:33" x14ac:dyDescent="0.15">
      <c r="A49" s="158"/>
      <c r="B49" s="329"/>
      <c r="C49" s="330"/>
      <c r="D49" s="330"/>
      <c r="E49" s="330"/>
      <c r="F49" s="330"/>
      <c r="G49" s="330"/>
      <c r="H49" s="330"/>
      <c r="I49" s="330"/>
      <c r="J49" s="330"/>
      <c r="K49" s="330"/>
      <c r="L49" s="331"/>
      <c r="M49" s="164"/>
      <c r="N49" s="165" t="s">
        <v>78</v>
      </c>
      <c r="O49" s="324"/>
      <c r="P49" s="325"/>
      <c r="Q49" s="325"/>
      <c r="R49" s="325"/>
      <c r="S49" s="325"/>
      <c r="T49" s="325"/>
      <c r="U49" s="325"/>
      <c r="V49" s="325"/>
      <c r="W49" s="325"/>
      <c r="X49" s="325"/>
      <c r="Y49" s="325"/>
      <c r="Z49" s="325"/>
      <c r="AA49" s="325"/>
      <c r="AB49" s="325"/>
      <c r="AC49" s="325"/>
      <c r="AD49" s="325"/>
      <c r="AE49" s="325"/>
      <c r="AF49" s="326"/>
      <c r="AG49" s="158"/>
    </row>
    <row r="50" spans="1:33" x14ac:dyDescent="0.15">
      <c r="A50" s="158"/>
      <c r="B50" s="315" t="s">
        <v>79</v>
      </c>
      <c r="C50" s="316"/>
      <c r="D50" s="316"/>
      <c r="E50" s="316"/>
      <c r="F50" s="316"/>
      <c r="G50" s="316"/>
      <c r="H50" s="316"/>
      <c r="I50" s="316"/>
      <c r="J50" s="316"/>
      <c r="K50" s="316"/>
      <c r="L50" s="317"/>
      <c r="M50" s="161"/>
      <c r="N50" s="163" t="s">
        <v>78</v>
      </c>
      <c r="O50" s="324"/>
      <c r="P50" s="325"/>
      <c r="Q50" s="325"/>
      <c r="R50" s="325"/>
      <c r="S50" s="325"/>
      <c r="T50" s="325"/>
      <c r="U50" s="325"/>
      <c r="V50" s="325"/>
      <c r="W50" s="325"/>
      <c r="X50" s="325"/>
      <c r="Y50" s="325"/>
      <c r="Z50" s="325"/>
      <c r="AA50" s="325"/>
      <c r="AB50" s="325"/>
      <c r="AC50" s="325"/>
      <c r="AD50" s="325"/>
      <c r="AE50" s="325"/>
      <c r="AF50" s="326"/>
      <c r="AG50" s="158"/>
    </row>
    <row r="51" spans="1:33" x14ac:dyDescent="0.15">
      <c r="A51" s="158"/>
      <c r="B51" s="318"/>
      <c r="C51" s="319"/>
      <c r="D51" s="319"/>
      <c r="E51" s="319"/>
      <c r="F51" s="319"/>
      <c r="G51" s="319"/>
      <c r="H51" s="319"/>
      <c r="I51" s="319"/>
      <c r="J51" s="319"/>
      <c r="K51" s="319"/>
      <c r="L51" s="320"/>
      <c r="M51" s="161"/>
      <c r="N51" s="163" t="s">
        <v>78</v>
      </c>
      <c r="O51" s="324"/>
      <c r="P51" s="325"/>
      <c r="Q51" s="325"/>
      <c r="R51" s="325"/>
      <c r="S51" s="325"/>
      <c r="T51" s="325"/>
      <c r="U51" s="325"/>
      <c r="V51" s="325"/>
      <c r="W51" s="325"/>
      <c r="X51" s="325"/>
      <c r="Y51" s="325"/>
      <c r="Z51" s="325"/>
      <c r="AA51" s="325"/>
      <c r="AB51" s="325"/>
      <c r="AC51" s="325"/>
      <c r="AD51" s="325"/>
      <c r="AE51" s="325"/>
      <c r="AF51" s="326"/>
      <c r="AG51" s="158"/>
    </row>
    <row r="52" spans="1:33" x14ac:dyDescent="0.15">
      <c r="A52" s="158"/>
      <c r="B52" s="321"/>
      <c r="C52" s="322"/>
      <c r="D52" s="322"/>
      <c r="E52" s="322"/>
      <c r="F52" s="322"/>
      <c r="G52" s="322"/>
      <c r="H52" s="322"/>
      <c r="I52" s="322"/>
      <c r="J52" s="322"/>
      <c r="K52" s="322"/>
      <c r="L52" s="323"/>
      <c r="M52" s="161"/>
      <c r="N52" s="163" t="s">
        <v>78</v>
      </c>
      <c r="O52" s="335"/>
      <c r="P52" s="336"/>
      <c r="Q52" s="336"/>
      <c r="R52" s="336"/>
      <c r="S52" s="336"/>
      <c r="T52" s="336"/>
      <c r="U52" s="336"/>
      <c r="V52" s="336"/>
      <c r="W52" s="336"/>
      <c r="X52" s="336"/>
      <c r="Y52" s="336"/>
      <c r="Z52" s="336"/>
      <c r="AA52" s="336"/>
      <c r="AB52" s="336"/>
      <c r="AC52" s="336"/>
      <c r="AD52" s="336"/>
      <c r="AE52" s="336"/>
      <c r="AF52" s="337"/>
      <c r="AG52" s="158"/>
    </row>
    <row r="54" spans="1:33" x14ac:dyDescent="0.15">
      <c r="B54" s="151" t="s">
        <v>77</v>
      </c>
    </row>
    <row r="55" spans="1:33" x14ac:dyDescent="0.15">
      <c r="B55" s="151" t="s">
        <v>302</v>
      </c>
    </row>
    <row r="57" spans="1:33" x14ac:dyDescent="0.15">
      <c r="A57" s="151" t="s">
        <v>76</v>
      </c>
      <c r="M57" s="173"/>
      <c r="N57" s="151" t="s">
        <v>9</v>
      </c>
      <c r="O57" s="350"/>
      <c r="P57" s="350"/>
      <c r="Q57" s="151" t="s">
        <v>24</v>
      </c>
      <c r="R57" s="350"/>
      <c r="S57" s="350"/>
      <c r="T57" s="151" t="s">
        <v>25</v>
      </c>
    </row>
    <row r="122" spans="3:7" x14ac:dyDescent="0.15">
      <c r="C122" s="174"/>
      <c r="D122" s="174"/>
      <c r="E122" s="174"/>
      <c r="F122" s="174"/>
      <c r="G122" s="174"/>
    </row>
    <row r="123" spans="3:7" x14ac:dyDescent="0.15">
      <c r="C123" s="175"/>
    </row>
  </sheetData>
  <mergeCells count="59">
    <mergeCell ref="B50:L52"/>
    <mergeCell ref="O50:AF50"/>
    <mergeCell ref="O51:AF51"/>
    <mergeCell ref="O52:AF52"/>
    <mergeCell ref="O57:P57"/>
    <mergeCell ref="R57:S57"/>
    <mergeCell ref="B44:L46"/>
    <mergeCell ref="O44:AF44"/>
    <mergeCell ref="O45:AF45"/>
    <mergeCell ref="O46:AF46"/>
    <mergeCell ref="B47:L49"/>
    <mergeCell ref="O47:AF47"/>
    <mergeCell ref="O48:AF48"/>
    <mergeCell ref="O49:AF49"/>
    <mergeCell ref="B38:L40"/>
    <mergeCell ref="O38:AF38"/>
    <mergeCell ref="O39:AF39"/>
    <mergeCell ref="O40:AF40"/>
    <mergeCell ref="B41:L43"/>
    <mergeCell ref="O41:AF41"/>
    <mergeCell ref="O42:AF42"/>
    <mergeCell ref="O43:AF43"/>
    <mergeCell ref="B32:L34"/>
    <mergeCell ref="O32:AF32"/>
    <mergeCell ref="O33:AF33"/>
    <mergeCell ref="O34:AF34"/>
    <mergeCell ref="B35:L37"/>
    <mergeCell ref="O35:AF35"/>
    <mergeCell ref="O36:AF36"/>
    <mergeCell ref="O37:AF37"/>
    <mergeCell ref="B26:L28"/>
    <mergeCell ref="O26:AF26"/>
    <mergeCell ref="O27:AF27"/>
    <mergeCell ref="O28:AF28"/>
    <mergeCell ref="B29:L31"/>
    <mergeCell ref="O29:AF29"/>
    <mergeCell ref="O30:AF30"/>
    <mergeCell ref="O31:AF31"/>
    <mergeCell ref="B20:L22"/>
    <mergeCell ref="O20:AF20"/>
    <mergeCell ref="O21:AF21"/>
    <mergeCell ref="O22:AF22"/>
    <mergeCell ref="B23:L25"/>
    <mergeCell ref="O23:AF23"/>
    <mergeCell ref="O24:AF24"/>
    <mergeCell ref="O25:AF25"/>
    <mergeCell ref="B16:L16"/>
    <mergeCell ref="M16:N16"/>
    <mergeCell ref="O16:AF16"/>
    <mergeCell ref="B17:L19"/>
    <mergeCell ref="O17:AF17"/>
    <mergeCell ref="O18:AF18"/>
    <mergeCell ref="O19:AF19"/>
    <mergeCell ref="R14:V14"/>
    <mergeCell ref="X4:Y4"/>
    <mergeCell ref="AA4:AB4"/>
    <mergeCell ref="AD4:AE4"/>
    <mergeCell ref="T7:AF7"/>
    <mergeCell ref="B9:AF10"/>
  </mergeCells>
  <phoneticPr fontId="3"/>
  <pageMargins left="0.7" right="0.7" top="0.75" bottom="0.75" header="0.3" footer="0.3"/>
  <pageSetup paperSize="9" scale="77"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89"/>
  <sheetViews>
    <sheetView zoomScaleNormal="100" zoomScaleSheetLayoutView="70" workbookViewId="0">
      <selection activeCell="B4" sqref="B4"/>
    </sheetView>
  </sheetViews>
  <sheetFormatPr defaultRowHeight="13.5" x14ac:dyDescent="0.15"/>
  <cols>
    <col min="1" max="1" width="1.5" style="7" customWidth="1"/>
    <col min="2" max="2" width="10" style="7" customWidth="1"/>
    <col min="3" max="3" width="6.75" style="7" customWidth="1"/>
    <col min="4" max="4" width="10" style="7" customWidth="1"/>
    <col min="5" max="32" width="3.875" style="7" customWidth="1"/>
    <col min="33" max="35" width="9" style="7"/>
    <col min="36" max="36" width="2.5" style="7" customWidth="1"/>
    <col min="37" max="16384" width="9" style="7"/>
  </cols>
  <sheetData>
    <row r="2" spans="2:37" x14ac:dyDescent="0.15">
      <c r="B2" s="43" t="s">
        <v>158</v>
      </c>
    </row>
    <row r="3" spans="2:37" x14ac:dyDescent="0.15">
      <c r="B3" s="44"/>
    </row>
    <row r="4" spans="2:37" ht="13.5" customHeight="1" x14ac:dyDescent="0.15">
      <c r="B4" s="43" t="s">
        <v>44</v>
      </c>
      <c r="X4" s="45" t="s">
        <v>45</v>
      </c>
    </row>
    <row r="5" spans="2:37" ht="6.75" customHeight="1" x14ac:dyDescent="0.15">
      <c r="B5" s="43"/>
      <c r="W5" s="45"/>
      <c r="AJ5" s="46"/>
      <c r="AK5" s="46"/>
    </row>
    <row r="6" spans="2:37" ht="13.5" customHeight="1" x14ac:dyDescent="0.15">
      <c r="X6" s="43" t="s">
        <v>135</v>
      </c>
      <c r="AJ6" s="46"/>
      <c r="AK6" s="46"/>
    </row>
    <row r="7" spans="2:37" ht="6.75" customHeight="1" x14ac:dyDescent="0.15">
      <c r="W7" s="43"/>
      <c r="AJ7" s="46"/>
      <c r="AK7" s="46"/>
    </row>
    <row r="8" spans="2:37" ht="14.25" customHeight="1" x14ac:dyDescent="0.15">
      <c r="B8" s="43" t="s">
        <v>46</v>
      </c>
      <c r="AB8" s="43" t="s">
        <v>136</v>
      </c>
      <c r="AJ8" s="46"/>
      <c r="AK8" s="46"/>
    </row>
    <row r="9" spans="2:37" ht="14.25" customHeight="1" x14ac:dyDescent="0.15">
      <c r="B9" s="44"/>
      <c r="AJ9" s="46"/>
      <c r="AK9" s="46"/>
    </row>
    <row r="10" spans="2:37" ht="18" customHeight="1" x14ac:dyDescent="0.15">
      <c r="B10" s="351" t="s">
        <v>137</v>
      </c>
      <c r="C10" s="351" t="s">
        <v>138</v>
      </c>
      <c r="D10" s="351" t="s">
        <v>139</v>
      </c>
      <c r="E10" s="357" t="s">
        <v>47</v>
      </c>
      <c r="F10" s="358"/>
      <c r="G10" s="358"/>
      <c r="H10" s="358"/>
      <c r="I10" s="358"/>
      <c r="J10" s="358"/>
      <c r="K10" s="359"/>
      <c r="L10" s="357" t="s">
        <v>48</v>
      </c>
      <c r="M10" s="358"/>
      <c r="N10" s="358"/>
      <c r="O10" s="358"/>
      <c r="P10" s="358"/>
      <c r="Q10" s="358"/>
      <c r="R10" s="359"/>
      <c r="S10" s="357" t="s">
        <v>49</v>
      </c>
      <c r="T10" s="358"/>
      <c r="U10" s="358"/>
      <c r="V10" s="358"/>
      <c r="W10" s="358"/>
      <c r="X10" s="358"/>
      <c r="Y10" s="359"/>
      <c r="Z10" s="357" t="s">
        <v>50</v>
      </c>
      <c r="AA10" s="358"/>
      <c r="AB10" s="358"/>
      <c r="AC10" s="358"/>
      <c r="AD10" s="358"/>
      <c r="AE10" s="358"/>
      <c r="AF10" s="362"/>
      <c r="AG10" s="363" t="s">
        <v>140</v>
      </c>
      <c r="AH10" s="351" t="s">
        <v>51</v>
      </c>
      <c r="AI10" s="351" t="s">
        <v>52</v>
      </c>
      <c r="AJ10" s="46"/>
      <c r="AK10" s="46"/>
    </row>
    <row r="11" spans="2:37" ht="18" customHeight="1" x14ac:dyDescent="0.15">
      <c r="B11" s="355"/>
      <c r="C11" s="355"/>
      <c r="D11" s="355"/>
      <c r="E11" s="47">
        <v>1</v>
      </c>
      <c r="F11" s="47">
        <v>2</v>
      </c>
      <c r="G11" s="47">
        <v>3</v>
      </c>
      <c r="H11" s="47">
        <v>4</v>
      </c>
      <c r="I11" s="47">
        <v>5</v>
      </c>
      <c r="J11" s="47">
        <v>6</v>
      </c>
      <c r="K11" s="47">
        <v>7</v>
      </c>
      <c r="L11" s="47">
        <v>8</v>
      </c>
      <c r="M11" s="47">
        <v>9</v>
      </c>
      <c r="N11" s="47">
        <v>10</v>
      </c>
      <c r="O11" s="47">
        <v>11</v>
      </c>
      <c r="P11" s="47">
        <v>12</v>
      </c>
      <c r="Q11" s="47">
        <v>13</v>
      </c>
      <c r="R11" s="47">
        <v>14</v>
      </c>
      <c r="S11" s="47">
        <v>15</v>
      </c>
      <c r="T11" s="47">
        <v>16</v>
      </c>
      <c r="U11" s="47">
        <v>17</v>
      </c>
      <c r="V11" s="47">
        <v>18</v>
      </c>
      <c r="W11" s="47">
        <v>19</v>
      </c>
      <c r="X11" s="47">
        <v>20</v>
      </c>
      <c r="Y11" s="47">
        <v>21</v>
      </c>
      <c r="Z11" s="47">
        <v>22</v>
      </c>
      <c r="AA11" s="47">
        <v>23</v>
      </c>
      <c r="AB11" s="47">
        <v>24</v>
      </c>
      <c r="AC11" s="47">
        <v>25</v>
      </c>
      <c r="AD11" s="47">
        <v>26</v>
      </c>
      <c r="AE11" s="47">
        <v>27</v>
      </c>
      <c r="AF11" s="48">
        <v>28</v>
      </c>
      <c r="AG11" s="364"/>
      <c r="AH11" s="352"/>
      <c r="AI11" s="352"/>
      <c r="AJ11" s="46"/>
      <c r="AK11" s="46"/>
    </row>
    <row r="12" spans="2:37" ht="18" customHeight="1" x14ac:dyDescent="0.15">
      <c r="B12" s="356"/>
      <c r="C12" s="356"/>
      <c r="D12" s="356"/>
      <c r="E12" s="47" t="s">
        <v>53</v>
      </c>
      <c r="F12" s="49"/>
      <c r="G12" s="49"/>
      <c r="H12" s="49"/>
      <c r="I12" s="49"/>
      <c r="J12" s="49"/>
      <c r="K12" s="49"/>
      <c r="L12" s="49"/>
      <c r="M12" s="49"/>
      <c r="N12" s="49"/>
      <c r="O12" s="49"/>
      <c r="P12" s="49"/>
      <c r="Q12" s="49"/>
      <c r="R12" s="49"/>
      <c r="S12" s="49"/>
      <c r="T12" s="49"/>
      <c r="U12" s="49"/>
      <c r="V12" s="49"/>
      <c r="W12" s="49"/>
      <c r="X12" s="49"/>
      <c r="Y12" s="49"/>
      <c r="Z12" s="49"/>
      <c r="AA12" s="49"/>
      <c r="AB12" s="49"/>
      <c r="AC12" s="49"/>
      <c r="AD12" s="49"/>
      <c r="AE12" s="49"/>
      <c r="AF12" s="50"/>
      <c r="AG12" s="365"/>
      <c r="AH12" s="353"/>
      <c r="AI12" s="353"/>
      <c r="AJ12" s="46"/>
      <c r="AK12" s="46"/>
    </row>
    <row r="13" spans="2:37" ht="18" customHeight="1" x14ac:dyDescent="0.15">
      <c r="B13" s="354" t="s">
        <v>141</v>
      </c>
      <c r="C13" s="354"/>
      <c r="D13" s="354"/>
      <c r="E13" s="51" t="s">
        <v>54</v>
      </c>
      <c r="F13" s="51" t="s">
        <v>54</v>
      </c>
      <c r="G13" s="51" t="s">
        <v>55</v>
      </c>
      <c r="H13" s="51" t="s">
        <v>56</v>
      </c>
      <c r="I13" s="51" t="s">
        <v>57</v>
      </c>
      <c r="J13" s="51" t="s">
        <v>54</v>
      </c>
      <c r="K13" s="51" t="s">
        <v>57</v>
      </c>
      <c r="L13" s="52"/>
      <c r="M13" s="52"/>
      <c r="N13" s="52"/>
      <c r="O13" s="52"/>
      <c r="P13" s="52"/>
      <c r="Q13" s="52"/>
      <c r="R13" s="52"/>
      <c r="S13" s="52"/>
      <c r="T13" s="52"/>
      <c r="U13" s="52"/>
      <c r="V13" s="52"/>
      <c r="W13" s="52"/>
      <c r="X13" s="52"/>
      <c r="Y13" s="52"/>
      <c r="Z13" s="52"/>
      <c r="AA13" s="52"/>
      <c r="AB13" s="52"/>
      <c r="AC13" s="52"/>
      <c r="AD13" s="52"/>
      <c r="AE13" s="52"/>
      <c r="AF13" s="53"/>
      <c r="AG13" s="54"/>
      <c r="AH13" s="55"/>
      <c r="AI13" s="55"/>
    </row>
    <row r="14" spans="2:37" ht="18" customHeight="1" x14ac:dyDescent="0.15">
      <c r="B14" s="354" t="s">
        <v>142</v>
      </c>
      <c r="C14" s="354"/>
      <c r="D14" s="354"/>
      <c r="E14" s="51" t="s">
        <v>58</v>
      </c>
      <c r="F14" s="51" t="s">
        <v>58</v>
      </c>
      <c r="G14" s="51" t="s">
        <v>58</v>
      </c>
      <c r="H14" s="51" t="s">
        <v>59</v>
      </c>
      <c r="I14" s="51" t="s">
        <v>59</v>
      </c>
      <c r="J14" s="51" t="s">
        <v>60</v>
      </c>
      <c r="K14" s="51" t="s">
        <v>60</v>
      </c>
      <c r="L14" s="52"/>
      <c r="M14" s="52"/>
      <c r="N14" s="52"/>
      <c r="O14" s="52"/>
      <c r="P14" s="52"/>
      <c r="Q14" s="52"/>
      <c r="R14" s="52"/>
      <c r="S14" s="52"/>
      <c r="T14" s="52"/>
      <c r="U14" s="52"/>
      <c r="V14" s="52"/>
      <c r="W14" s="52"/>
      <c r="X14" s="52"/>
      <c r="Y14" s="52"/>
      <c r="Z14" s="52"/>
      <c r="AA14" s="52"/>
      <c r="AB14" s="52"/>
      <c r="AC14" s="52"/>
      <c r="AD14" s="52"/>
      <c r="AE14" s="52"/>
      <c r="AF14" s="53"/>
      <c r="AG14" s="54"/>
      <c r="AH14" s="55"/>
      <c r="AI14" s="55"/>
    </row>
    <row r="15" spans="2:37" ht="18" customHeight="1" x14ac:dyDescent="0.15">
      <c r="B15" s="55"/>
      <c r="C15" s="55"/>
      <c r="D15" s="55"/>
      <c r="E15" s="51"/>
      <c r="F15" s="51"/>
      <c r="G15" s="51"/>
      <c r="H15" s="51"/>
      <c r="I15" s="51"/>
      <c r="J15" s="51"/>
      <c r="K15" s="51"/>
      <c r="L15" s="51"/>
      <c r="M15" s="51"/>
      <c r="N15" s="51"/>
      <c r="O15" s="51"/>
      <c r="P15" s="51"/>
      <c r="Q15" s="51"/>
      <c r="R15" s="51"/>
      <c r="S15" s="51"/>
      <c r="T15" s="51"/>
      <c r="U15" s="51"/>
      <c r="V15" s="51"/>
      <c r="W15" s="51"/>
      <c r="X15" s="51"/>
      <c r="Y15" s="51"/>
      <c r="Z15" s="51"/>
      <c r="AA15" s="51"/>
      <c r="AB15" s="51"/>
      <c r="AC15" s="51"/>
      <c r="AD15" s="51"/>
      <c r="AE15" s="51"/>
      <c r="AF15" s="56"/>
      <c r="AG15" s="54"/>
      <c r="AH15" s="55"/>
      <c r="AI15" s="55"/>
    </row>
    <row r="16" spans="2:37" ht="18" customHeight="1" x14ac:dyDescent="0.15">
      <c r="B16" s="55"/>
      <c r="C16" s="55"/>
      <c r="D16" s="55"/>
      <c r="E16" s="51"/>
      <c r="F16" s="51"/>
      <c r="G16" s="51"/>
      <c r="H16" s="51"/>
      <c r="I16" s="51"/>
      <c r="J16" s="51"/>
      <c r="K16" s="51"/>
      <c r="L16" s="51"/>
      <c r="M16" s="51"/>
      <c r="N16" s="51"/>
      <c r="O16" s="51"/>
      <c r="P16" s="51"/>
      <c r="Q16" s="51"/>
      <c r="R16" s="51"/>
      <c r="S16" s="51"/>
      <c r="T16" s="51"/>
      <c r="U16" s="51"/>
      <c r="V16" s="51"/>
      <c r="W16" s="51"/>
      <c r="X16" s="51"/>
      <c r="Y16" s="51"/>
      <c r="Z16" s="51"/>
      <c r="AA16" s="51"/>
      <c r="AB16" s="51"/>
      <c r="AC16" s="51"/>
      <c r="AD16" s="51"/>
      <c r="AE16" s="51"/>
      <c r="AF16" s="56"/>
      <c r="AG16" s="54"/>
      <c r="AH16" s="55"/>
      <c r="AI16" s="55"/>
    </row>
    <row r="17" spans="2:37" ht="18" customHeight="1" x14ac:dyDescent="0.15">
      <c r="B17" s="55"/>
      <c r="C17" s="55"/>
      <c r="D17" s="55"/>
      <c r="E17" s="51"/>
      <c r="F17" s="51"/>
      <c r="G17" s="51"/>
      <c r="H17" s="51"/>
      <c r="I17" s="51"/>
      <c r="J17" s="51"/>
      <c r="K17" s="51"/>
      <c r="L17" s="51"/>
      <c r="M17" s="51"/>
      <c r="N17" s="51"/>
      <c r="O17" s="51"/>
      <c r="P17" s="51"/>
      <c r="Q17" s="51"/>
      <c r="R17" s="51"/>
      <c r="S17" s="51"/>
      <c r="T17" s="51"/>
      <c r="U17" s="51"/>
      <c r="V17" s="51"/>
      <c r="W17" s="51"/>
      <c r="X17" s="51"/>
      <c r="Y17" s="51"/>
      <c r="Z17" s="51"/>
      <c r="AA17" s="51"/>
      <c r="AB17" s="51"/>
      <c r="AC17" s="51"/>
      <c r="AD17" s="51"/>
      <c r="AE17" s="51"/>
      <c r="AF17" s="56"/>
      <c r="AG17" s="54"/>
      <c r="AH17" s="55"/>
      <c r="AI17" s="55"/>
    </row>
    <row r="18" spans="2:37" ht="18" customHeight="1" x14ac:dyDescent="0.15">
      <c r="B18" s="55"/>
      <c r="C18" s="55"/>
      <c r="D18" s="55"/>
      <c r="E18" s="51"/>
      <c r="F18" s="51"/>
      <c r="G18" s="51"/>
      <c r="H18" s="51"/>
      <c r="I18" s="51"/>
      <c r="J18" s="51"/>
      <c r="K18" s="51"/>
      <c r="L18" s="51"/>
      <c r="M18" s="51"/>
      <c r="N18" s="51"/>
      <c r="O18" s="51"/>
      <c r="P18" s="51"/>
      <c r="Q18" s="51"/>
      <c r="R18" s="51"/>
      <c r="S18" s="51"/>
      <c r="T18" s="51"/>
      <c r="U18" s="51"/>
      <c r="V18" s="51"/>
      <c r="W18" s="51"/>
      <c r="X18" s="51"/>
      <c r="Y18" s="51"/>
      <c r="Z18" s="51"/>
      <c r="AA18" s="51"/>
      <c r="AB18" s="51"/>
      <c r="AC18" s="51"/>
      <c r="AD18" s="51"/>
      <c r="AE18" s="51"/>
      <c r="AF18" s="56"/>
      <c r="AG18" s="54"/>
      <c r="AH18" s="55"/>
      <c r="AI18" s="55"/>
    </row>
    <row r="19" spans="2:37" ht="18" customHeight="1" x14ac:dyDescent="0.15">
      <c r="B19" s="55"/>
      <c r="C19" s="55"/>
      <c r="D19" s="55"/>
      <c r="E19" s="51"/>
      <c r="F19" s="51"/>
      <c r="G19" s="51"/>
      <c r="H19" s="51"/>
      <c r="I19" s="51"/>
      <c r="J19" s="51"/>
      <c r="K19" s="51"/>
      <c r="L19" s="51"/>
      <c r="M19" s="51"/>
      <c r="N19" s="51"/>
      <c r="O19" s="51"/>
      <c r="P19" s="51"/>
      <c r="Q19" s="51"/>
      <c r="R19" s="51"/>
      <c r="S19" s="51"/>
      <c r="T19" s="51"/>
      <c r="U19" s="51"/>
      <c r="V19" s="51"/>
      <c r="W19" s="51"/>
      <c r="X19" s="51"/>
      <c r="Y19" s="51"/>
      <c r="Z19" s="51"/>
      <c r="AA19" s="51"/>
      <c r="AB19" s="51"/>
      <c r="AC19" s="51"/>
      <c r="AD19" s="51"/>
      <c r="AE19" s="51"/>
      <c r="AF19" s="56"/>
      <c r="AG19" s="54"/>
      <c r="AH19" s="55"/>
      <c r="AI19" s="55"/>
    </row>
    <row r="20" spans="2:37" ht="18" customHeight="1" x14ac:dyDescent="0.15">
      <c r="B20" s="55"/>
      <c r="C20" s="55"/>
      <c r="D20" s="55"/>
      <c r="E20" s="51"/>
      <c r="F20" s="51"/>
      <c r="G20" s="51"/>
      <c r="H20" s="51"/>
      <c r="I20" s="51"/>
      <c r="J20" s="51"/>
      <c r="K20" s="51"/>
      <c r="L20" s="51"/>
      <c r="M20" s="51"/>
      <c r="N20" s="51"/>
      <c r="O20" s="51"/>
      <c r="P20" s="51"/>
      <c r="Q20" s="51"/>
      <c r="R20" s="51"/>
      <c r="S20" s="51"/>
      <c r="T20" s="51"/>
      <c r="U20" s="51"/>
      <c r="V20" s="51"/>
      <c r="W20" s="51"/>
      <c r="X20" s="51"/>
      <c r="Y20" s="51"/>
      <c r="Z20" s="51"/>
      <c r="AA20" s="51"/>
      <c r="AB20" s="51"/>
      <c r="AC20" s="51"/>
      <c r="AD20" s="51"/>
      <c r="AE20" s="51"/>
      <c r="AF20" s="56"/>
      <c r="AG20" s="54"/>
      <c r="AH20" s="55"/>
      <c r="AI20" s="55"/>
    </row>
    <row r="21" spans="2:37" ht="18" customHeight="1" x14ac:dyDescent="0.15">
      <c r="B21" s="55"/>
      <c r="C21" s="55"/>
      <c r="D21" s="55"/>
      <c r="E21" s="51"/>
      <c r="F21" s="51"/>
      <c r="G21" s="51"/>
      <c r="H21" s="51"/>
      <c r="I21" s="51"/>
      <c r="J21" s="51"/>
      <c r="K21" s="51"/>
      <c r="L21" s="51"/>
      <c r="M21" s="51"/>
      <c r="N21" s="51"/>
      <c r="O21" s="51"/>
      <c r="P21" s="51"/>
      <c r="Q21" s="51"/>
      <c r="R21" s="51"/>
      <c r="S21" s="51"/>
      <c r="T21" s="51"/>
      <c r="U21" s="51"/>
      <c r="V21" s="51"/>
      <c r="W21" s="51"/>
      <c r="X21" s="51"/>
      <c r="Y21" s="51"/>
      <c r="Z21" s="51"/>
      <c r="AA21" s="51"/>
      <c r="AB21" s="51"/>
      <c r="AC21" s="51"/>
      <c r="AD21" s="51"/>
      <c r="AE21" s="51"/>
      <c r="AF21" s="56"/>
      <c r="AG21" s="54"/>
      <c r="AH21" s="55"/>
      <c r="AI21" s="55"/>
    </row>
    <row r="22" spans="2:37" ht="18" customHeight="1" x14ac:dyDescent="0.15">
      <c r="B22" s="55"/>
      <c r="C22" s="55"/>
      <c r="D22" s="55"/>
      <c r="E22" s="51"/>
      <c r="F22" s="51"/>
      <c r="G22" s="51"/>
      <c r="H22" s="51"/>
      <c r="I22" s="51"/>
      <c r="J22" s="51"/>
      <c r="K22" s="51"/>
      <c r="L22" s="51"/>
      <c r="M22" s="51"/>
      <c r="N22" s="51"/>
      <c r="O22" s="51"/>
      <c r="P22" s="51"/>
      <c r="Q22" s="51"/>
      <c r="R22" s="51"/>
      <c r="S22" s="51"/>
      <c r="T22" s="51"/>
      <c r="U22" s="51"/>
      <c r="V22" s="51"/>
      <c r="W22" s="51"/>
      <c r="X22" s="51"/>
      <c r="Y22" s="51"/>
      <c r="Z22" s="51"/>
      <c r="AA22" s="51"/>
      <c r="AB22" s="51"/>
      <c r="AC22" s="51"/>
      <c r="AD22" s="51"/>
      <c r="AE22" s="51"/>
      <c r="AF22" s="51"/>
      <c r="AG22" s="54"/>
      <c r="AH22" s="55"/>
      <c r="AI22" s="55"/>
    </row>
    <row r="23" spans="2:37" ht="18" customHeight="1" x14ac:dyDescent="0.15">
      <c r="B23" s="55"/>
      <c r="C23" s="55"/>
      <c r="D23" s="55"/>
      <c r="E23" s="51"/>
      <c r="F23" s="51"/>
      <c r="G23" s="51"/>
      <c r="H23" s="51"/>
      <c r="I23" s="51"/>
      <c r="J23" s="51"/>
      <c r="K23" s="51"/>
      <c r="L23" s="51"/>
      <c r="M23" s="51"/>
      <c r="N23" s="51"/>
      <c r="O23" s="51"/>
      <c r="P23" s="51"/>
      <c r="Q23" s="51"/>
      <c r="R23" s="51"/>
      <c r="S23" s="51"/>
      <c r="T23" s="51"/>
      <c r="U23" s="51"/>
      <c r="V23" s="51"/>
      <c r="W23" s="51"/>
      <c r="X23" s="51"/>
      <c r="Y23" s="51"/>
      <c r="Z23" s="51"/>
      <c r="AA23" s="51"/>
      <c r="AB23" s="51"/>
      <c r="AC23" s="51"/>
      <c r="AD23" s="51"/>
      <c r="AE23" s="51"/>
      <c r="AF23" s="51"/>
      <c r="AG23" s="54"/>
      <c r="AH23" s="55"/>
      <c r="AI23" s="55"/>
    </row>
    <row r="24" spans="2:37" ht="18" customHeight="1" thickBot="1" x14ac:dyDescent="0.2">
      <c r="B24" s="57"/>
      <c r="D24" s="57"/>
      <c r="E24" s="58"/>
      <c r="F24" s="58"/>
      <c r="G24" s="58"/>
      <c r="H24" s="58"/>
      <c r="I24" s="58"/>
      <c r="J24" s="58"/>
      <c r="K24" s="58"/>
      <c r="L24" s="58"/>
      <c r="M24" s="58"/>
      <c r="N24" s="58"/>
      <c r="O24" s="58"/>
      <c r="P24" s="58"/>
      <c r="Q24" s="58"/>
      <c r="R24" s="58"/>
      <c r="S24" s="58"/>
      <c r="T24" s="58"/>
      <c r="U24" s="58"/>
      <c r="V24" s="58"/>
      <c r="W24" s="58"/>
      <c r="X24" s="58"/>
      <c r="Y24" s="58"/>
      <c r="Z24" s="58"/>
      <c r="AA24" s="58"/>
      <c r="AB24" s="58"/>
      <c r="AC24" s="58"/>
      <c r="AD24" s="58"/>
      <c r="AE24" s="58"/>
      <c r="AF24" s="58"/>
      <c r="AG24" s="54"/>
      <c r="AH24" s="55"/>
      <c r="AI24" s="55"/>
    </row>
    <row r="25" spans="2:37" ht="18" customHeight="1" thickTop="1" x14ac:dyDescent="0.15">
      <c r="B25" s="360" t="s">
        <v>61</v>
      </c>
      <c r="C25" s="361" t="s">
        <v>62</v>
      </c>
      <c r="D25" s="361"/>
      <c r="E25" s="59"/>
      <c r="F25" s="59"/>
      <c r="G25" s="59"/>
      <c r="H25" s="59"/>
      <c r="I25" s="59"/>
      <c r="J25" s="59"/>
      <c r="K25" s="59"/>
      <c r="L25" s="59"/>
      <c r="M25" s="59"/>
      <c r="N25" s="59"/>
      <c r="O25" s="59"/>
      <c r="P25" s="59"/>
      <c r="Q25" s="59"/>
      <c r="R25" s="59"/>
      <c r="S25" s="59"/>
      <c r="T25" s="59"/>
      <c r="U25" s="59"/>
      <c r="V25" s="59"/>
      <c r="W25" s="59"/>
      <c r="X25" s="59"/>
      <c r="Y25" s="59"/>
      <c r="Z25" s="59"/>
      <c r="AA25" s="59"/>
      <c r="AB25" s="59"/>
      <c r="AC25" s="59"/>
      <c r="AD25" s="59"/>
      <c r="AE25" s="59"/>
      <c r="AF25" s="59"/>
      <c r="AI25" s="60"/>
    </row>
    <row r="26" spans="2:37" ht="30" customHeight="1" x14ac:dyDescent="0.15">
      <c r="B26" s="354"/>
      <c r="C26" s="354" t="s">
        <v>63</v>
      </c>
      <c r="D26" s="354"/>
      <c r="E26" s="61"/>
      <c r="F26" s="61"/>
      <c r="G26" s="61"/>
      <c r="H26" s="61"/>
      <c r="I26" s="61"/>
      <c r="J26" s="61"/>
      <c r="K26" s="61"/>
      <c r="L26" s="61"/>
      <c r="M26" s="61"/>
      <c r="N26" s="61"/>
      <c r="O26" s="61"/>
      <c r="P26" s="61"/>
      <c r="Q26" s="61"/>
      <c r="R26" s="61"/>
      <c r="S26" s="61"/>
      <c r="T26" s="61"/>
      <c r="U26" s="61"/>
      <c r="V26" s="61"/>
      <c r="W26" s="61"/>
      <c r="X26" s="61"/>
      <c r="Y26" s="61"/>
      <c r="Z26" s="61"/>
      <c r="AA26" s="61"/>
      <c r="AB26" s="61"/>
      <c r="AC26" s="61"/>
      <c r="AD26" s="61"/>
      <c r="AE26" s="61"/>
      <c r="AF26" s="61"/>
      <c r="AI26" s="9"/>
    </row>
    <row r="27" spans="2:37" ht="8.25" customHeight="1" x14ac:dyDescent="0.15">
      <c r="B27" s="62"/>
      <c r="C27" s="63"/>
      <c r="D27" s="63"/>
      <c r="E27" s="63"/>
      <c r="F27" s="63"/>
      <c r="G27" s="63"/>
      <c r="H27" s="63"/>
      <c r="I27" s="63"/>
      <c r="J27" s="63"/>
      <c r="K27" s="63"/>
      <c r="L27" s="63"/>
      <c r="M27" s="63"/>
      <c r="N27" s="63"/>
      <c r="O27" s="63"/>
      <c r="P27" s="63"/>
      <c r="Q27" s="63"/>
      <c r="R27" s="63"/>
      <c r="S27" s="63"/>
      <c r="T27" s="63"/>
      <c r="U27" s="63"/>
      <c r="V27" s="63"/>
      <c r="W27" s="63"/>
      <c r="X27" s="63"/>
      <c r="Y27" s="63"/>
      <c r="Z27" s="63"/>
      <c r="AA27" s="63"/>
      <c r="AB27" s="63"/>
      <c r="AC27" s="63"/>
      <c r="AD27" s="63"/>
      <c r="AE27" s="63"/>
      <c r="AF27" s="63"/>
      <c r="AI27" s="9"/>
    </row>
    <row r="28" spans="2:37" x14ac:dyDescent="0.15">
      <c r="B28" s="64" t="s">
        <v>64</v>
      </c>
      <c r="E28" s="65"/>
      <c r="AI28" s="66"/>
      <c r="AJ28" s="67"/>
      <c r="AK28" s="67"/>
    </row>
    <row r="29" spans="2:37" ht="6" customHeight="1" x14ac:dyDescent="0.15">
      <c r="B29" s="64"/>
      <c r="AI29" s="9"/>
    </row>
    <row r="30" spans="2:37" x14ac:dyDescent="0.15">
      <c r="B30" s="64" t="s">
        <v>65</v>
      </c>
      <c r="AI30" s="9"/>
    </row>
    <row r="31" spans="2:37" x14ac:dyDescent="0.15">
      <c r="B31" s="64" t="s">
        <v>66</v>
      </c>
      <c r="AI31" s="9"/>
    </row>
    <row r="32" spans="2:37" ht="6.75" customHeight="1" x14ac:dyDescent="0.15">
      <c r="B32" s="64"/>
      <c r="AI32" s="9"/>
    </row>
    <row r="33" spans="2:35" x14ac:dyDescent="0.15">
      <c r="B33" s="64" t="s">
        <v>67</v>
      </c>
      <c r="AI33" s="9"/>
    </row>
    <row r="34" spans="2:35" x14ac:dyDescent="0.15">
      <c r="B34" s="64" t="s">
        <v>66</v>
      </c>
      <c r="AI34" s="9"/>
    </row>
    <row r="35" spans="2:35" ht="6.75" customHeight="1" x14ac:dyDescent="0.15">
      <c r="B35" s="64"/>
      <c r="AI35" s="9"/>
    </row>
    <row r="36" spans="2:35" x14ac:dyDescent="0.15">
      <c r="B36" s="64" t="s">
        <v>68</v>
      </c>
      <c r="AI36" s="9"/>
    </row>
    <row r="37" spans="2:35" x14ac:dyDescent="0.15">
      <c r="B37" s="64" t="s">
        <v>143</v>
      </c>
      <c r="AI37" s="9"/>
    </row>
    <row r="38" spans="2:35" ht="6" customHeight="1" x14ac:dyDescent="0.15">
      <c r="B38" s="68"/>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69"/>
    </row>
    <row r="39" spans="2:35" ht="6" customHeight="1" x14ac:dyDescent="0.15">
      <c r="B39" s="43"/>
      <c r="C39" s="70"/>
    </row>
    <row r="40" spans="2:35" ht="6.75" customHeight="1" x14ac:dyDescent="0.15">
      <c r="B40" s="43"/>
    </row>
    <row r="41" spans="2:35" x14ac:dyDescent="0.15">
      <c r="B41" s="32" t="s">
        <v>144</v>
      </c>
    </row>
    <row r="42" spans="2:35" x14ac:dyDescent="0.15">
      <c r="B42" s="32" t="s">
        <v>145</v>
      </c>
    </row>
    <row r="43" spans="2:35" x14ac:dyDescent="0.15">
      <c r="B43" s="32" t="s">
        <v>146</v>
      </c>
    </row>
    <row r="44" spans="2:35" x14ac:dyDescent="0.15">
      <c r="B44" s="32" t="s">
        <v>147</v>
      </c>
    </row>
    <row r="45" spans="2:35" x14ac:dyDescent="0.15">
      <c r="B45" s="32" t="s">
        <v>148</v>
      </c>
    </row>
    <row r="46" spans="2:35" x14ac:dyDescent="0.15">
      <c r="B46" s="32" t="s">
        <v>149</v>
      </c>
    </row>
    <row r="47" spans="2:35" x14ac:dyDescent="0.15">
      <c r="B47" s="32" t="s">
        <v>69</v>
      </c>
    </row>
    <row r="48" spans="2:35" x14ac:dyDescent="0.15">
      <c r="B48" s="32" t="s">
        <v>70</v>
      </c>
    </row>
    <row r="49" spans="2:2" x14ac:dyDescent="0.15">
      <c r="B49" s="32" t="s">
        <v>150</v>
      </c>
    </row>
    <row r="50" spans="2:2" x14ac:dyDescent="0.15">
      <c r="B50" s="32" t="s">
        <v>151</v>
      </c>
    </row>
    <row r="51" spans="2:2" ht="14.25" x14ac:dyDescent="0.15">
      <c r="B51" s="71" t="s">
        <v>152</v>
      </c>
    </row>
    <row r="52" spans="2:2" x14ac:dyDescent="0.15">
      <c r="B52" s="32" t="s">
        <v>153</v>
      </c>
    </row>
    <row r="53" spans="2:2" x14ac:dyDescent="0.15">
      <c r="B53" s="32" t="s">
        <v>154</v>
      </c>
    </row>
    <row r="54" spans="2:2" x14ac:dyDescent="0.15">
      <c r="B54" s="32" t="s">
        <v>71</v>
      </c>
    </row>
    <row r="55" spans="2:2" x14ac:dyDescent="0.15">
      <c r="B55" s="32" t="s">
        <v>72</v>
      </c>
    </row>
    <row r="56" spans="2:2" x14ac:dyDescent="0.15">
      <c r="B56" s="32" t="s">
        <v>73</v>
      </c>
    </row>
    <row r="57" spans="2:2" x14ac:dyDescent="0.15">
      <c r="B57" s="32" t="s">
        <v>74</v>
      </c>
    </row>
    <row r="58" spans="2:2" x14ac:dyDescent="0.15">
      <c r="B58" s="32" t="s">
        <v>155</v>
      </c>
    </row>
    <row r="59" spans="2:2" x14ac:dyDescent="0.15">
      <c r="B59" s="32" t="s">
        <v>156</v>
      </c>
    </row>
    <row r="60" spans="2:2" x14ac:dyDescent="0.15">
      <c r="B60" s="32" t="s">
        <v>75</v>
      </c>
    </row>
    <row r="61" spans="2:2" x14ac:dyDescent="0.15">
      <c r="B61" s="32" t="s">
        <v>157</v>
      </c>
    </row>
    <row r="62" spans="2:2" x14ac:dyDescent="0.15">
      <c r="B62" s="32"/>
    </row>
    <row r="63" spans="2:2" x14ac:dyDescent="0.15">
      <c r="B63" s="32"/>
    </row>
    <row r="64" spans="2:2" x14ac:dyDescent="0.15">
      <c r="B64" s="32"/>
    </row>
    <row r="65" spans="2:2" x14ac:dyDescent="0.15">
      <c r="B65" s="32"/>
    </row>
    <row r="66" spans="2:2" x14ac:dyDescent="0.15">
      <c r="B66" s="32"/>
    </row>
    <row r="67" spans="2:2" x14ac:dyDescent="0.15">
      <c r="B67" s="32"/>
    </row>
    <row r="68" spans="2:2" x14ac:dyDescent="0.15">
      <c r="B68" s="32"/>
    </row>
    <row r="69" spans="2:2" x14ac:dyDescent="0.15">
      <c r="B69" s="32"/>
    </row>
    <row r="70" spans="2:2" x14ac:dyDescent="0.15">
      <c r="B70" s="32"/>
    </row>
    <row r="71" spans="2:2" x14ac:dyDescent="0.15">
      <c r="B71" s="32"/>
    </row>
    <row r="72" spans="2:2" x14ac:dyDescent="0.15">
      <c r="B72" s="32"/>
    </row>
    <row r="73" spans="2:2" x14ac:dyDescent="0.15">
      <c r="B73" s="32"/>
    </row>
    <row r="74" spans="2:2" x14ac:dyDescent="0.15">
      <c r="B74" s="32"/>
    </row>
    <row r="75" spans="2:2" x14ac:dyDescent="0.15">
      <c r="B75" s="32"/>
    </row>
    <row r="76" spans="2:2" x14ac:dyDescent="0.15">
      <c r="B76" s="32"/>
    </row>
    <row r="77" spans="2:2" x14ac:dyDescent="0.15">
      <c r="B77" s="32"/>
    </row>
    <row r="78" spans="2:2" x14ac:dyDescent="0.15">
      <c r="B78" s="32"/>
    </row>
    <row r="79" spans="2:2" x14ac:dyDescent="0.15">
      <c r="B79" s="32"/>
    </row>
    <row r="80" spans="2:2" x14ac:dyDescent="0.15">
      <c r="B80" s="32"/>
    </row>
    <row r="81" spans="2:12" x14ac:dyDescent="0.15">
      <c r="B81" s="32"/>
    </row>
    <row r="82" spans="2:12" x14ac:dyDescent="0.15">
      <c r="B82" s="32"/>
      <c r="L82" s="72"/>
    </row>
    <row r="83" spans="2:12" x14ac:dyDescent="0.15">
      <c r="B83" s="32"/>
    </row>
    <row r="84" spans="2:12" x14ac:dyDescent="0.15">
      <c r="B84" s="32"/>
    </row>
    <row r="85" spans="2:12" x14ac:dyDescent="0.15">
      <c r="B85" s="32"/>
    </row>
    <row r="86" spans="2:12" x14ac:dyDescent="0.15">
      <c r="B86" s="32"/>
    </row>
    <row r="87" spans="2:12" x14ac:dyDescent="0.15">
      <c r="B87" s="32"/>
    </row>
    <row r="88" spans="2:12" x14ac:dyDescent="0.15">
      <c r="B88" s="32"/>
    </row>
    <row r="89" spans="2:12" x14ac:dyDescent="0.15">
      <c r="B89" s="32"/>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3"/>
  <pageMargins left="0.7" right="0.7" top="0.75" bottom="0.75" header="0.3" footer="0.3"/>
  <pageSetup paperSize="9" scale="5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zoomScaleNormal="100" zoomScaleSheetLayoutView="85" workbookViewId="0">
      <selection activeCell="F61" sqref="F61"/>
    </sheetView>
  </sheetViews>
  <sheetFormatPr defaultColWidth="3.5" defaultRowHeight="13.5" x14ac:dyDescent="0.15"/>
  <cols>
    <col min="1" max="1" width="1.25" style="7" customWidth="1"/>
    <col min="2" max="2" width="3.125" style="109" customWidth="1"/>
    <col min="3" max="30" width="3.125" style="7" customWidth="1"/>
    <col min="31" max="31" width="1.25" style="7" customWidth="1"/>
    <col min="32" max="16384" width="3.5" style="7"/>
  </cols>
  <sheetData>
    <row r="1" spans="2:30" s="200" customFormat="1" x14ac:dyDescent="0.15"/>
    <row r="2" spans="2:30" s="200" customFormat="1" x14ac:dyDescent="0.15">
      <c r="B2" s="200" t="s">
        <v>551</v>
      </c>
    </row>
    <row r="3" spans="2:30" s="200" customFormat="1" x14ac:dyDescent="0.15">
      <c r="U3" s="12" t="s">
        <v>10</v>
      </c>
      <c r="V3" s="371"/>
      <c r="W3" s="371"/>
      <c r="X3" s="12" t="s">
        <v>9</v>
      </c>
      <c r="Y3" s="371"/>
      <c r="Z3" s="371"/>
      <c r="AA3" s="12" t="s">
        <v>8</v>
      </c>
      <c r="AB3" s="371"/>
      <c r="AC3" s="371"/>
      <c r="AD3" s="12" t="s">
        <v>25</v>
      </c>
    </row>
    <row r="4" spans="2:30" s="200" customFormat="1" x14ac:dyDescent="0.15">
      <c r="AD4" s="12"/>
    </row>
    <row r="5" spans="2:30" s="200" customFormat="1" x14ac:dyDescent="0.15">
      <c r="B5" s="371" t="s">
        <v>552</v>
      </c>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row>
    <row r="6" spans="2:30" s="200" customFormat="1" x14ac:dyDescent="0.15">
      <c r="B6" s="371" t="s">
        <v>553</v>
      </c>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row>
    <row r="7" spans="2:30" s="200" customFormat="1" x14ac:dyDescent="0.15"/>
    <row r="8" spans="2:30" s="200" customFormat="1" ht="23.25" customHeight="1" x14ac:dyDescent="0.15">
      <c r="B8" s="366" t="s">
        <v>554</v>
      </c>
      <c r="C8" s="366"/>
      <c r="D8" s="366"/>
      <c r="E8" s="366"/>
      <c r="F8" s="367"/>
      <c r="G8" s="368"/>
      <c r="H8" s="369"/>
      <c r="I8" s="369"/>
      <c r="J8" s="369"/>
      <c r="K8" s="369"/>
      <c r="L8" s="369"/>
      <c r="M8" s="369"/>
      <c r="N8" s="369"/>
      <c r="O8" s="369"/>
      <c r="P8" s="369"/>
      <c r="Q8" s="369"/>
      <c r="R8" s="369"/>
      <c r="S8" s="369"/>
      <c r="T8" s="369"/>
      <c r="U8" s="369"/>
      <c r="V8" s="369"/>
      <c r="W8" s="369"/>
      <c r="X8" s="369"/>
      <c r="Y8" s="369"/>
      <c r="Z8" s="369"/>
      <c r="AA8" s="369"/>
      <c r="AB8" s="369"/>
      <c r="AC8" s="369"/>
      <c r="AD8" s="370"/>
    </row>
    <row r="9" spans="2:30" ht="23.25" customHeight="1" x14ac:dyDescent="0.15">
      <c r="B9" s="367" t="s">
        <v>555</v>
      </c>
      <c r="C9" s="372"/>
      <c r="D9" s="372"/>
      <c r="E9" s="372"/>
      <c r="F9" s="372"/>
      <c r="G9" s="273" t="s">
        <v>0</v>
      </c>
      <c r="H9" s="203" t="s">
        <v>556</v>
      </c>
      <c r="I9" s="203"/>
      <c r="J9" s="203"/>
      <c r="K9" s="203"/>
      <c r="L9" s="274" t="s">
        <v>0</v>
      </c>
      <c r="M9" s="203" t="s">
        <v>18</v>
      </c>
      <c r="N9" s="203"/>
      <c r="O9" s="203"/>
      <c r="P9" s="203"/>
      <c r="Q9" s="274" t="s">
        <v>0</v>
      </c>
      <c r="R9" s="203" t="s">
        <v>557</v>
      </c>
      <c r="S9" s="275"/>
      <c r="T9" s="275"/>
      <c r="U9" s="275"/>
      <c r="V9" s="275"/>
      <c r="W9" s="275"/>
      <c r="X9" s="275"/>
      <c r="Y9" s="275"/>
      <c r="Z9" s="275"/>
      <c r="AA9" s="275"/>
      <c r="AB9" s="275"/>
      <c r="AC9" s="275"/>
      <c r="AD9" s="276"/>
    </row>
    <row r="10" spans="2:30" ht="23.25" customHeight="1" x14ac:dyDescent="0.15">
      <c r="B10" s="373" t="s">
        <v>558</v>
      </c>
      <c r="C10" s="374"/>
      <c r="D10" s="374"/>
      <c r="E10" s="374"/>
      <c r="F10" s="375"/>
      <c r="G10" s="273" t="s">
        <v>0</v>
      </c>
      <c r="H10" s="189" t="s">
        <v>559</v>
      </c>
      <c r="I10" s="203"/>
      <c r="J10" s="203"/>
      <c r="K10" s="203"/>
      <c r="L10" s="203"/>
      <c r="M10" s="203"/>
      <c r="N10" s="203"/>
      <c r="O10" s="203"/>
      <c r="P10" s="203"/>
      <c r="Q10" s="203"/>
      <c r="R10" s="203"/>
      <c r="S10" s="189"/>
      <c r="T10" s="274" t="s">
        <v>0</v>
      </c>
      <c r="U10" s="189" t="s">
        <v>560</v>
      </c>
      <c r="V10" s="275"/>
      <c r="W10" s="275"/>
      <c r="X10" s="275"/>
      <c r="Y10" s="275"/>
      <c r="Z10" s="275"/>
      <c r="AA10" s="275"/>
      <c r="AB10" s="275"/>
      <c r="AC10" s="275"/>
      <c r="AD10" s="276"/>
    </row>
    <row r="11" spans="2:30" ht="23.25" customHeight="1" x14ac:dyDescent="0.15">
      <c r="B11" s="373" t="s">
        <v>561</v>
      </c>
      <c r="C11" s="374"/>
      <c r="D11" s="374"/>
      <c r="E11" s="374"/>
      <c r="F11" s="375"/>
      <c r="G11" s="277" t="s">
        <v>0</v>
      </c>
      <c r="H11" s="197" t="s">
        <v>562</v>
      </c>
      <c r="I11" s="206"/>
      <c r="J11" s="206"/>
      <c r="K11" s="206"/>
      <c r="L11" s="206"/>
      <c r="M11" s="206"/>
      <c r="N11" s="206"/>
      <c r="O11" s="206"/>
      <c r="P11" s="206"/>
      <c r="Q11" s="206"/>
      <c r="R11" s="206"/>
      <c r="S11" s="278" t="s">
        <v>0</v>
      </c>
      <c r="T11" s="197" t="s">
        <v>563</v>
      </c>
      <c r="U11" s="197"/>
      <c r="V11" s="279"/>
      <c r="W11" s="279"/>
      <c r="X11" s="279"/>
      <c r="Y11" s="279"/>
      <c r="Z11" s="279"/>
      <c r="AA11" s="279"/>
      <c r="AB11" s="279"/>
      <c r="AC11" s="279"/>
      <c r="AD11" s="280"/>
    </row>
    <row r="12" spans="2:30" ht="23.25" customHeight="1" x14ac:dyDescent="0.15">
      <c r="B12" s="376"/>
      <c r="C12" s="377"/>
      <c r="D12" s="377"/>
      <c r="E12" s="377"/>
      <c r="F12" s="378"/>
      <c r="G12" s="281" t="s">
        <v>0</v>
      </c>
      <c r="H12" s="198" t="s">
        <v>564</v>
      </c>
      <c r="I12" s="207"/>
      <c r="J12" s="207"/>
      <c r="K12" s="207"/>
      <c r="L12" s="207"/>
      <c r="M12" s="207"/>
      <c r="N12" s="207"/>
      <c r="O12" s="207"/>
      <c r="P12" s="207"/>
      <c r="Q12" s="207"/>
      <c r="R12" s="207"/>
      <c r="S12" s="282"/>
      <c r="T12" s="283"/>
      <c r="U12" s="283"/>
      <c r="V12" s="283"/>
      <c r="W12" s="283"/>
      <c r="X12" s="283"/>
      <c r="Y12" s="283"/>
      <c r="Z12" s="283"/>
      <c r="AA12" s="283"/>
      <c r="AB12" s="283"/>
      <c r="AC12" s="283"/>
      <c r="AD12" s="284"/>
    </row>
    <row r="13" spans="2:30" s="200" customFormat="1" ht="9" customHeight="1" x14ac:dyDescent="0.15"/>
    <row r="14" spans="2:30" s="200" customFormat="1" x14ac:dyDescent="0.15">
      <c r="B14" s="379" t="s">
        <v>565</v>
      </c>
      <c r="C14" s="380"/>
      <c r="D14" s="380"/>
      <c r="E14" s="380"/>
      <c r="F14" s="381"/>
      <c r="G14" s="388"/>
      <c r="H14" s="389"/>
      <c r="I14" s="389"/>
      <c r="J14" s="389"/>
      <c r="K14" s="389"/>
      <c r="L14" s="389"/>
      <c r="M14" s="389"/>
      <c r="N14" s="389"/>
      <c r="O14" s="389"/>
      <c r="P14" s="389"/>
      <c r="Q14" s="389"/>
      <c r="R14" s="389"/>
      <c r="S14" s="389"/>
      <c r="T14" s="389"/>
      <c r="U14" s="389"/>
      <c r="V14" s="389"/>
      <c r="W14" s="389"/>
      <c r="X14" s="389"/>
      <c r="Y14" s="390"/>
      <c r="Z14" s="285"/>
      <c r="AA14" s="176" t="s">
        <v>20</v>
      </c>
      <c r="AB14" s="176" t="s">
        <v>22</v>
      </c>
      <c r="AC14" s="176" t="s">
        <v>21</v>
      </c>
      <c r="AD14" s="286"/>
    </row>
    <row r="15" spans="2:30" s="200" customFormat="1" ht="27" customHeight="1" x14ac:dyDescent="0.15">
      <c r="B15" s="382"/>
      <c r="C15" s="383"/>
      <c r="D15" s="383"/>
      <c r="E15" s="383"/>
      <c r="F15" s="384"/>
      <c r="G15" s="391" t="s">
        <v>566</v>
      </c>
      <c r="H15" s="392"/>
      <c r="I15" s="392"/>
      <c r="J15" s="392"/>
      <c r="K15" s="392"/>
      <c r="L15" s="392"/>
      <c r="M15" s="392"/>
      <c r="N15" s="392"/>
      <c r="O15" s="392"/>
      <c r="P15" s="392"/>
      <c r="Q15" s="392"/>
      <c r="R15" s="392"/>
      <c r="S15" s="392"/>
      <c r="T15" s="392"/>
      <c r="U15" s="392"/>
      <c r="V15" s="392"/>
      <c r="W15" s="392"/>
      <c r="X15" s="392"/>
      <c r="Y15" s="393"/>
      <c r="Z15" s="264"/>
      <c r="AA15" s="287" t="s">
        <v>0</v>
      </c>
      <c r="AB15" s="287" t="s">
        <v>567</v>
      </c>
      <c r="AC15" s="287" t="s">
        <v>0</v>
      </c>
      <c r="AD15" s="2"/>
    </row>
    <row r="16" spans="2:30" s="200" customFormat="1" ht="27" customHeight="1" x14ac:dyDescent="0.15">
      <c r="B16" s="385"/>
      <c r="C16" s="386"/>
      <c r="D16" s="386"/>
      <c r="E16" s="386"/>
      <c r="F16" s="387"/>
      <c r="G16" s="394" t="s">
        <v>568</v>
      </c>
      <c r="H16" s="395"/>
      <c r="I16" s="395"/>
      <c r="J16" s="395"/>
      <c r="K16" s="395"/>
      <c r="L16" s="395"/>
      <c r="M16" s="395"/>
      <c r="N16" s="395"/>
      <c r="O16" s="395"/>
      <c r="P16" s="395"/>
      <c r="Q16" s="395"/>
      <c r="R16" s="395"/>
      <c r="S16" s="395"/>
      <c r="T16" s="395"/>
      <c r="U16" s="395"/>
      <c r="V16" s="395"/>
      <c r="W16" s="395"/>
      <c r="X16" s="395"/>
      <c r="Y16" s="396"/>
      <c r="Z16" s="288"/>
      <c r="AA16" s="289" t="s">
        <v>0</v>
      </c>
      <c r="AB16" s="289" t="s">
        <v>569</v>
      </c>
      <c r="AC16" s="289" t="s">
        <v>0</v>
      </c>
      <c r="AD16" s="290"/>
    </row>
    <row r="17" spans="2:30" s="200" customFormat="1" ht="9" customHeight="1" x14ac:dyDescent="0.15"/>
    <row r="18" spans="2:30" s="200" customFormat="1" x14ac:dyDescent="0.15">
      <c r="B18" s="200" t="s">
        <v>570</v>
      </c>
    </row>
    <row r="19" spans="2:30" s="200" customFormat="1" x14ac:dyDescent="0.15">
      <c r="B19" s="200" t="s">
        <v>571</v>
      </c>
      <c r="AC19" s="4"/>
      <c r="AD19" s="4"/>
    </row>
    <row r="20" spans="2:30" s="200" customFormat="1" ht="4.5" customHeight="1" x14ac:dyDescent="0.15"/>
    <row r="21" spans="2:30" s="200" customFormat="1" ht="4.5" customHeight="1" x14ac:dyDescent="0.15">
      <c r="B21" s="397" t="s">
        <v>572</v>
      </c>
      <c r="C21" s="398"/>
      <c r="D21" s="398"/>
      <c r="E21" s="398"/>
      <c r="F21" s="399"/>
      <c r="G21" s="205"/>
      <c r="H21" s="197"/>
      <c r="I21" s="197"/>
      <c r="J21" s="197"/>
      <c r="K21" s="197"/>
      <c r="L21" s="197"/>
      <c r="M21" s="197"/>
      <c r="N21" s="197"/>
      <c r="O21" s="197"/>
      <c r="P21" s="197"/>
      <c r="Q21" s="197"/>
      <c r="R21" s="197"/>
      <c r="S21" s="197"/>
      <c r="T21" s="197"/>
      <c r="U21" s="197"/>
      <c r="V21" s="197"/>
      <c r="W21" s="197"/>
      <c r="X21" s="197"/>
      <c r="Y21" s="197"/>
      <c r="Z21" s="205"/>
      <c r="AA21" s="197"/>
      <c r="AB21" s="197"/>
      <c r="AC21" s="206"/>
      <c r="AD21" s="286"/>
    </row>
    <row r="22" spans="2:30" s="200" customFormat="1" ht="15.75" customHeight="1" x14ac:dyDescent="0.15">
      <c r="B22" s="400"/>
      <c r="C22" s="401"/>
      <c r="D22" s="401"/>
      <c r="E22" s="401"/>
      <c r="F22" s="402"/>
      <c r="G22" s="217"/>
      <c r="H22" s="200" t="s">
        <v>573</v>
      </c>
      <c r="Z22" s="217"/>
      <c r="AA22" s="31" t="s">
        <v>20</v>
      </c>
      <c r="AB22" s="31" t="s">
        <v>22</v>
      </c>
      <c r="AC22" s="31" t="s">
        <v>21</v>
      </c>
      <c r="AD22" s="291"/>
    </row>
    <row r="23" spans="2:30" s="200" customFormat="1" ht="29.25" customHeight="1" x14ac:dyDescent="0.15">
      <c r="B23" s="400"/>
      <c r="C23" s="401"/>
      <c r="D23" s="401"/>
      <c r="E23" s="401"/>
      <c r="F23" s="402"/>
      <c r="G23" s="217"/>
      <c r="I23" s="188" t="s">
        <v>574</v>
      </c>
      <c r="J23" s="406" t="s">
        <v>575</v>
      </c>
      <c r="K23" s="407"/>
      <c r="L23" s="407"/>
      <c r="M23" s="407"/>
      <c r="N23" s="407"/>
      <c r="O23" s="407"/>
      <c r="P23" s="407"/>
      <c r="Q23" s="407"/>
      <c r="R23" s="407"/>
      <c r="S23" s="407"/>
      <c r="T23" s="407"/>
      <c r="U23" s="408"/>
      <c r="V23" s="409"/>
      <c r="W23" s="410"/>
      <c r="X23" s="190" t="s">
        <v>210</v>
      </c>
      <c r="Z23" s="217"/>
      <c r="AA23" s="202"/>
      <c r="AB23" s="187"/>
      <c r="AC23" s="202"/>
      <c r="AD23" s="2"/>
    </row>
    <row r="24" spans="2:30" s="200" customFormat="1" ht="15.75" customHeight="1" x14ac:dyDescent="0.15">
      <c r="B24" s="400"/>
      <c r="C24" s="401"/>
      <c r="D24" s="401"/>
      <c r="E24" s="401"/>
      <c r="F24" s="402"/>
      <c r="G24" s="217"/>
      <c r="I24" s="292" t="s">
        <v>576</v>
      </c>
      <c r="J24" s="293" t="s">
        <v>577</v>
      </c>
      <c r="K24" s="198"/>
      <c r="L24" s="198"/>
      <c r="M24" s="198"/>
      <c r="N24" s="198"/>
      <c r="O24" s="198"/>
      <c r="P24" s="198"/>
      <c r="Q24" s="198"/>
      <c r="R24" s="198"/>
      <c r="S24" s="198"/>
      <c r="T24" s="198"/>
      <c r="U24" s="199"/>
      <c r="V24" s="409"/>
      <c r="W24" s="410"/>
      <c r="X24" s="199" t="s">
        <v>210</v>
      </c>
      <c r="Y24" s="294"/>
      <c r="Z24" s="264"/>
      <c r="AA24" s="287" t="s">
        <v>0</v>
      </c>
      <c r="AB24" s="287" t="s">
        <v>578</v>
      </c>
      <c r="AC24" s="287" t="s">
        <v>0</v>
      </c>
      <c r="AD24" s="2"/>
    </row>
    <row r="25" spans="2:30" s="200" customFormat="1" ht="24" customHeight="1" x14ac:dyDescent="0.15">
      <c r="B25" s="400"/>
      <c r="C25" s="401"/>
      <c r="D25" s="401"/>
      <c r="E25" s="401"/>
      <c r="F25" s="402"/>
      <c r="G25" s="217"/>
      <c r="I25" s="411" t="s">
        <v>579</v>
      </c>
      <c r="J25" s="411"/>
      <c r="K25" s="411"/>
      <c r="L25" s="411"/>
      <c r="M25" s="411"/>
      <c r="N25" s="411"/>
      <c r="O25" s="411"/>
      <c r="P25" s="411"/>
      <c r="Q25" s="411"/>
      <c r="R25" s="411"/>
      <c r="S25" s="411"/>
      <c r="T25" s="411"/>
      <c r="U25" s="411"/>
      <c r="V25" s="411"/>
      <c r="W25" s="411"/>
      <c r="X25" s="411"/>
      <c r="Y25" s="294"/>
      <c r="Z25" s="195"/>
      <c r="AA25" s="187"/>
      <c r="AB25" s="187"/>
      <c r="AC25" s="187"/>
      <c r="AD25" s="196"/>
    </row>
    <row r="26" spans="2:30" s="200" customFormat="1" x14ac:dyDescent="0.15">
      <c r="B26" s="400"/>
      <c r="C26" s="401"/>
      <c r="D26" s="401"/>
      <c r="E26" s="401"/>
      <c r="F26" s="402"/>
      <c r="G26" s="217"/>
      <c r="H26" s="200" t="s">
        <v>580</v>
      </c>
      <c r="Z26" s="217"/>
      <c r="AC26" s="4"/>
      <c r="AD26" s="2"/>
    </row>
    <row r="27" spans="2:30" s="200" customFormat="1" ht="15.75" customHeight="1" x14ac:dyDescent="0.15">
      <c r="B27" s="400"/>
      <c r="C27" s="401"/>
      <c r="D27" s="401"/>
      <c r="E27" s="401"/>
      <c r="F27" s="402"/>
      <c r="G27" s="217"/>
      <c r="H27" s="200" t="s">
        <v>581</v>
      </c>
      <c r="T27" s="294"/>
      <c r="V27" s="294"/>
      <c r="Z27" s="217"/>
      <c r="AC27" s="4"/>
      <c r="AD27" s="2"/>
    </row>
    <row r="28" spans="2:30" s="200" customFormat="1" ht="29.25" customHeight="1" x14ac:dyDescent="0.15">
      <c r="B28" s="400"/>
      <c r="C28" s="401"/>
      <c r="D28" s="401"/>
      <c r="E28" s="401"/>
      <c r="F28" s="402"/>
      <c r="G28" s="217"/>
      <c r="I28" s="188" t="s">
        <v>582</v>
      </c>
      <c r="J28" s="412" t="s">
        <v>583</v>
      </c>
      <c r="K28" s="412"/>
      <c r="L28" s="412"/>
      <c r="M28" s="412"/>
      <c r="N28" s="412"/>
      <c r="O28" s="412"/>
      <c r="P28" s="412"/>
      <c r="Q28" s="412"/>
      <c r="R28" s="412"/>
      <c r="S28" s="412"/>
      <c r="T28" s="412"/>
      <c r="U28" s="412"/>
      <c r="V28" s="409"/>
      <c r="W28" s="410"/>
      <c r="X28" s="190" t="s">
        <v>210</v>
      </c>
      <c r="Y28" s="294"/>
      <c r="Z28" s="264"/>
      <c r="AA28" s="287" t="s">
        <v>0</v>
      </c>
      <c r="AB28" s="287" t="s">
        <v>567</v>
      </c>
      <c r="AC28" s="287" t="s">
        <v>0</v>
      </c>
      <c r="AD28" s="2"/>
    </row>
    <row r="29" spans="2:30" s="200" customFormat="1" ht="4.5" customHeight="1" x14ac:dyDescent="0.15">
      <c r="B29" s="403"/>
      <c r="C29" s="404"/>
      <c r="D29" s="404"/>
      <c r="E29" s="404"/>
      <c r="F29" s="405"/>
      <c r="G29" s="204"/>
      <c r="H29" s="198"/>
      <c r="I29" s="198"/>
      <c r="J29" s="198"/>
      <c r="K29" s="198"/>
      <c r="L29" s="198"/>
      <c r="M29" s="198"/>
      <c r="N29" s="198"/>
      <c r="O29" s="198"/>
      <c r="P29" s="198"/>
      <c r="Q29" s="198"/>
      <c r="R29" s="198"/>
      <c r="S29" s="198"/>
      <c r="T29" s="295"/>
      <c r="U29" s="295"/>
      <c r="V29" s="198"/>
      <c r="W29" s="198"/>
      <c r="X29" s="198"/>
      <c r="Y29" s="198"/>
      <c r="Z29" s="204"/>
      <c r="AA29" s="198"/>
      <c r="AB29" s="198"/>
      <c r="AC29" s="207"/>
      <c r="AD29" s="290"/>
    </row>
    <row r="30" spans="2:30" s="200" customFormat="1" ht="7.5" customHeight="1" x14ac:dyDescent="0.15">
      <c r="B30" s="194"/>
      <c r="C30" s="194"/>
      <c r="D30" s="194"/>
      <c r="E30" s="194"/>
      <c r="F30" s="194"/>
      <c r="T30" s="294"/>
      <c r="U30" s="294"/>
    </row>
    <row r="31" spans="2:30" s="200" customFormat="1" x14ac:dyDescent="0.15">
      <c r="B31" s="200" t="s">
        <v>584</v>
      </c>
      <c r="C31" s="194"/>
      <c r="D31" s="194"/>
      <c r="E31" s="194"/>
      <c r="F31" s="194"/>
      <c r="T31" s="294"/>
      <c r="U31" s="294"/>
    </row>
    <row r="32" spans="2:30" s="200" customFormat="1" ht="4.5" customHeight="1" x14ac:dyDescent="0.15">
      <c r="B32" s="194"/>
      <c r="C32" s="194"/>
      <c r="D32" s="194"/>
      <c r="E32" s="194"/>
      <c r="F32" s="194"/>
      <c r="T32" s="294"/>
      <c r="U32" s="294"/>
    </row>
    <row r="33" spans="1:31" s="200" customFormat="1" ht="4.5" customHeight="1" x14ac:dyDescent="0.15">
      <c r="B33" s="397" t="s">
        <v>572</v>
      </c>
      <c r="C33" s="398"/>
      <c r="D33" s="398"/>
      <c r="E33" s="398"/>
      <c r="F33" s="399"/>
      <c r="G33" s="205"/>
      <c r="H33" s="197"/>
      <c r="I33" s="197"/>
      <c r="J33" s="197"/>
      <c r="K33" s="197"/>
      <c r="L33" s="197"/>
      <c r="M33" s="197"/>
      <c r="N33" s="197"/>
      <c r="O33" s="197"/>
      <c r="P33" s="197"/>
      <c r="Q33" s="197"/>
      <c r="R33" s="197"/>
      <c r="S33" s="197"/>
      <c r="T33" s="197"/>
      <c r="U33" s="197"/>
      <c r="V33" s="197"/>
      <c r="W33" s="197"/>
      <c r="X33" s="197"/>
      <c r="Y33" s="197"/>
      <c r="Z33" s="205"/>
      <c r="AA33" s="197"/>
      <c r="AB33" s="197"/>
      <c r="AC33" s="206"/>
      <c r="AD33" s="286"/>
    </row>
    <row r="34" spans="1:31" s="200" customFormat="1" ht="16.5" customHeight="1" x14ac:dyDescent="0.15">
      <c r="B34" s="400"/>
      <c r="C34" s="401"/>
      <c r="D34" s="401"/>
      <c r="E34" s="401"/>
      <c r="F34" s="402"/>
      <c r="G34" s="217"/>
      <c r="H34" s="200" t="s">
        <v>585</v>
      </c>
      <c r="V34" s="187"/>
      <c r="W34" s="187"/>
      <c r="Z34" s="217"/>
      <c r="AA34" s="31" t="s">
        <v>20</v>
      </c>
      <c r="AB34" s="31" t="s">
        <v>567</v>
      </c>
      <c r="AC34" s="31" t="s">
        <v>21</v>
      </c>
      <c r="AD34" s="291"/>
    </row>
    <row r="35" spans="1:31" s="200" customFormat="1" ht="29.25" customHeight="1" x14ac:dyDescent="0.15">
      <c r="B35" s="400"/>
      <c r="C35" s="401"/>
      <c r="D35" s="401"/>
      <c r="E35" s="401"/>
      <c r="F35" s="402"/>
      <c r="G35" s="217"/>
      <c r="I35" s="188" t="s">
        <v>338</v>
      </c>
      <c r="J35" s="413" t="s">
        <v>575</v>
      </c>
      <c r="K35" s="414"/>
      <c r="L35" s="414"/>
      <c r="M35" s="414"/>
      <c r="N35" s="414"/>
      <c r="O35" s="414"/>
      <c r="P35" s="414"/>
      <c r="Q35" s="414"/>
      <c r="R35" s="414"/>
      <c r="S35" s="414"/>
      <c r="T35" s="414"/>
      <c r="U35" s="189"/>
      <c r="V35" s="410"/>
      <c r="W35" s="415"/>
      <c r="X35" s="190" t="s">
        <v>210</v>
      </c>
      <c r="Z35" s="217"/>
      <c r="AA35" s="202"/>
      <c r="AB35" s="187"/>
      <c r="AC35" s="202"/>
      <c r="AD35" s="2"/>
    </row>
    <row r="36" spans="1:31" s="200" customFormat="1" ht="15.75" customHeight="1" x14ac:dyDescent="0.15">
      <c r="B36" s="400"/>
      <c r="C36" s="401"/>
      <c r="D36" s="401"/>
      <c r="E36" s="401"/>
      <c r="F36" s="402"/>
      <c r="G36" s="217"/>
      <c r="I36" s="292" t="s">
        <v>586</v>
      </c>
      <c r="J36" s="283" t="s">
        <v>577</v>
      </c>
      <c r="K36" s="198"/>
      <c r="L36" s="198"/>
      <c r="M36" s="198"/>
      <c r="N36" s="198"/>
      <c r="O36" s="198"/>
      <c r="P36" s="198"/>
      <c r="Q36" s="198"/>
      <c r="R36" s="198"/>
      <c r="S36" s="198"/>
      <c r="T36" s="198"/>
      <c r="U36" s="198"/>
      <c r="V36" s="416"/>
      <c r="W36" s="417"/>
      <c r="X36" s="199" t="s">
        <v>210</v>
      </c>
      <c r="Y36" s="294"/>
      <c r="Z36" s="264"/>
      <c r="AA36" s="287" t="s">
        <v>0</v>
      </c>
      <c r="AB36" s="287" t="s">
        <v>567</v>
      </c>
      <c r="AC36" s="287" t="s">
        <v>0</v>
      </c>
      <c r="AD36" s="2"/>
    </row>
    <row r="37" spans="1:31" s="200" customFormat="1" ht="24" customHeight="1" x14ac:dyDescent="0.15">
      <c r="B37" s="400"/>
      <c r="C37" s="401"/>
      <c r="D37" s="401"/>
      <c r="E37" s="401"/>
      <c r="F37" s="402"/>
      <c r="G37" s="217"/>
      <c r="I37" s="411" t="s">
        <v>579</v>
      </c>
      <c r="J37" s="411"/>
      <c r="K37" s="411"/>
      <c r="L37" s="411"/>
      <c r="M37" s="411"/>
      <c r="N37" s="411"/>
      <c r="O37" s="411"/>
      <c r="P37" s="411"/>
      <c r="Q37" s="411"/>
      <c r="R37" s="411"/>
      <c r="S37" s="411"/>
      <c r="T37" s="411"/>
      <c r="U37" s="411"/>
      <c r="V37" s="411"/>
      <c r="W37" s="411"/>
      <c r="X37" s="411"/>
      <c r="Y37" s="294"/>
      <c r="Z37" s="195"/>
      <c r="AA37" s="187"/>
      <c r="AB37" s="187"/>
      <c r="AC37" s="187"/>
      <c r="AD37" s="196"/>
    </row>
    <row r="38" spans="1:31" s="200" customFormat="1" ht="4.5" customHeight="1" x14ac:dyDescent="0.15">
      <c r="A38" s="201"/>
      <c r="B38" s="404"/>
      <c r="C38" s="404"/>
      <c r="D38" s="404"/>
      <c r="E38" s="404"/>
      <c r="F38" s="405"/>
      <c r="G38" s="204"/>
      <c r="H38" s="198"/>
      <c r="I38" s="198"/>
      <c r="J38" s="198"/>
      <c r="K38" s="198"/>
      <c r="L38" s="198"/>
      <c r="M38" s="198"/>
      <c r="N38" s="198"/>
      <c r="O38" s="198"/>
      <c r="P38" s="198"/>
      <c r="Q38" s="198"/>
      <c r="R38" s="198"/>
      <c r="S38" s="198"/>
      <c r="T38" s="295"/>
      <c r="U38" s="295"/>
      <c r="V38" s="198"/>
      <c r="W38" s="198"/>
      <c r="X38" s="198"/>
      <c r="Y38" s="198"/>
      <c r="Z38" s="204"/>
      <c r="AA38" s="198"/>
      <c r="AB38" s="198"/>
      <c r="AC38" s="207"/>
      <c r="AD38" s="290"/>
      <c r="AE38" s="217"/>
    </row>
    <row r="39" spans="1:31" s="200" customFormat="1" ht="7.5" customHeight="1" x14ac:dyDescent="0.15">
      <c r="B39" s="194"/>
      <c r="C39" s="193"/>
      <c r="D39" s="194"/>
      <c r="E39" s="194"/>
      <c r="F39" s="194"/>
      <c r="T39" s="294"/>
      <c r="U39" s="294"/>
    </row>
    <row r="40" spans="1:31" s="200" customFormat="1" ht="13.5" customHeight="1" x14ac:dyDescent="0.15">
      <c r="B40" s="200" t="s">
        <v>587</v>
      </c>
      <c r="C40" s="194"/>
      <c r="D40" s="194"/>
      <c r="E40" s="194"/>
      <c r="F40" s="194"/>
      <c r="T40" s="294"/>
      <c r="U40" s="294"/>
    </row>
    <row r="41" spans="1:31" s="200" customFormat="1" x14ac:dyDescent="0.15">
      <c r="B41" s="296" t="s">
        <v>588</v>
      </c>
      <c r="C41" s="213"/>
      <c r="D41" s="194"/>
      <c r="E41" s="194"/>
      <c r="F41" s="194"/>
      <c r="T41" s="294"/>
      <c r="U41" s="294"/>
    </row>
    <row r="42" spans="1:31" s="200" customFormat="1" ht="4.5" customHeight="1" x14ac:dyDescent="0.15">
      <c r="B42" s="397" t="s">
        <v>572</v>
      </c>
      <c r="C42" s="398"/>
      <c r="D42" s="398"/>
      <c r="E42" s="398"/>
      <c r="F42" s="399"/>
      <c r="G42" s="205"/>
      <c r="H42" s="197"/>
      <c r="I42" s="197"/>
      <c r="J42" s="197"/>
      <c r="K42" s="197"/>
      <c r="L42" s="197"/>
      <c r="M42" s="197"/>
      <c r="N42" s="197"/>
      <c r="O42" s="197"/>
      <c r="P42" s="197"/>
      <c r="Q42" s="197"/>
      <c r="R42" s="197"/>
      <c r="S42" s="197"/>
      <c r="T42" s="197"/>
      <c r="U42" s="197"/>
      <c r="V42" s="197"/>
      <c r="W42" s="197"/>
      <c r="X42" s="197"/>
      <c r="Y42" s="197"/>
      <c r="Z42" s="205"/>
      <c r="AA42" s="197"/>
      <c r="AB42" s="197"/>
      <c r="AC42" s="206"/>
      <c r="AD42" s="286"/>
    </row>
    <row r="43" spans="1:31" s="200" customFormat="1" ht="15.75" customHeight="1" x14ac:dyDescent="0.15">
      <c r="B43" s="400"/>
      <c r="C43" s="401"/>
      <c r="D43" s="401"/>
      <c r="E43" s="401"/>
      <c r="F43" s="402"/>
      <c r="G43" s="217"/>
      <c r="H43" s="200" t="s">
        <v>589</v>
      </c>
      <c r="Z43" s="217"/>
      <c r="AA43" s="31" t="s">
        <v>20</v>
      </c>
      <c r="AB43" s="31" t="s">
        <v>567</v>
      </c>
      <c r="AC43" s="31" t="s">
        <v>21</v>
      </c>
      <c r="AD43" s="291"/>
    </row>
    <row r="44" spans="1:31" s="200" customFormat="1" ht="29.25" customHeight="1" x14ac:dyDescent="0.15">
      <c r="B44" s="400"/>
      <c r="C44" s="401"/>
      <c r="D44" s="401"/>
      <c r="E44" s="401"/>
      <c r="F44" s="402"/>
      <c r="G44" s="217"/>
      <c r="I44" s="188" t="s">
        <v>590</v>
      </c>
      <c r="J44" s="413" t="s">
        <v>575</v>
      </c>
      <c r="K44" s="414"/>
      <c r="L44" s="414"/>
      <c r="M44" s="414"/>
      <c r="N44" s="414"/>
      <c r="O44" s="414"/>
      <c r="P44" s="414"/>
      <c r="Q44" s="414"/>
      <c r="R44" s="414"/>
      <c r="S44" s="414"/>
      <c r="T44" s="414"/>
      <c r="U44" s="190"/>
      <c r="V44" s="409"/>
      <c r="W44" s="410"/>
      <c r="X44" s="190" t="s">
        <v>210</v>
      </c>
      <c r="Z44" s="217"/>
      <c r="AA44" s="202"/>
      <c r="AB44" s="187"/>
      <c r="AC44" s="202"/>
      <c r="AD44" s="2"/>
    </row>
    <row r="45" spans="1:31" s="200" customFormat="1" ht="15.75" customHeight="1" x14ac:dyDescent="0.15">
      <c r="B45" s="400"/>
      <c r="C45" s="401"/>
      <c r="D45" s="401"/>
      <c r="E45" s="401"/>
      <c r="F45" s="402"/>
      <c r="G45" s="217"/>
      <c r="I45" s="292" t="s">
        <v>586</v>
      </c>
      <c r="J45" s="283" t="s">
        <v>577</v>
      </c>
      <c r="K45" s="198"/>
      <c r="L45" s="198"/>
      <c r="M45" s="198"/>
      <c r="N45" s="198"/>
      <c r="O45" s="198"/>
      <c r="P45" s="198"/>
      <c r="Q45" s="198"/>
      <c r="R45" s="198"/>
      <c r="S45" s="198"/>
      <c r="T45" s="198"/>
      <c r="U45" s="199"/>
      <c r="V45" s="409"/>
      <c r="W45" s="410"/>
      <c r="X45" s="199" t="s">
        <v>210</v>
      </c>
      <c r="Y45" s="294"/>
      <c r="Z45" s="264"/>
      <c r="AA45" s="287" t="s">
        <v>0</v>
      </c>
      <c r="AB45" s="287" t="s">
        <v>569</v>
      </c>
      <c r="AC45" s="287" t="s">
        <v>0</v>
      </c>
      <c r="AD45" s="2"/>
    </row>
    <row r="46" spans="1:31" s="200" customFormat="1" ht="24" customHeight="1" x14ac:dyDescent="0.15">
      <c r="B46" s="400"/>
      <c r="C46" s="401"/>
      <c r="D46" s="401"/>
      <c r="E46" s="401"/>
      <c r="F46" s="402"/>
      <c r="G46" s="217"/>
      <c r="I46" s="411" t="s">
        <v>579</v>
      </c>
      <c r="J46" s="411"/>
      <c r="K46" s="411"/>
      <c r="L46" s="411"/>
      <c r="M46" s="411"/>
      <c r="N46" s="411"/>
      <c r="O46" s="411"/>
      <c r="P46" s="411"/>
      <c r="Q46" s="411"/>
      <c r="R46" s="411"/>
      <c r="S46" s="411"/>
      <c r="T46" s="411"/>
      <c r="U46" s="411"/>
      <c r="V46" s="411"/>
      <c r="W46" s="411"/>
      <c r="X46" s="411"/>
      <c r="Y46" s="294"/>
      <c r="Z46" s="195"/>
      <c r="AA46" s="187"/>
      <c r="AB46" s="187"/>
      <c r="AC46" s="187"/>
      <c r="AD46" s="196"/>
    </row>
    <row r="47" spans="1:31" s="200" customFormat="1" ht="4.5" customHeight="1" x14ac:dyDescent="0.15">
      <c r="B47" s="403"/>
      <c r="C47" s="404"/>
      <c r="D47" s="404"/>
      <c r="E47" s="404"/>
      <c r="F47" s="405"/>
      <c r="G47" s="204"/>
      <c r="H47" s="198"/>
      <c r="I47" s="198"/>
      <c r="J47" s="198"/>
      <c r="K47" s="198"/>
      <c r="L47" s="198"/>
      <c r="M47" s="198"/>
      <c r="N47" s="198"/>
      <c r="O47" s="198"/>
      <c r="P47" s="198"/>
      <c r="Q47" s="198"/>
      <c r="R47" s="198"/>
      <c r="S47" s="198"/>
      <c r="T47" s="295"/>
      <c r="U47" s="295"/>
      <c r="V47" s="198"/>
      <c r="W47" s="198"/>
      <c r="X47" s="198"/>
      <c r="Y47" s="198"/>
      <c r="Z47" s="204"/>
      <c r="AA47" s="198"/>
      <c r="AB47" s="198"/>
      <c r="AC47" s="207"/>
      <c r="AD47" s="290"/>
    </row>
    <row r="48" spans="1:31" s="200" customFormat="1" ht="4.5" customHeight="1" x14ac:dyDescent="0.15">
      <c r="B48" s="397" t="s">
        <v>591</v>
      </c>
      <c r="C48" s="398"/>
      <c r="D48" s="398"/>
      <c r="E48" s="398"/>
      <c r="F48" s="399"/>
      <c r="G48" s="205"/>
      <c r="H48" s="197"/>
      <c r="I48" s="197"/>
      <c r="J48" s="197"/>
      <c r="K48" s="197"/>
      <c r="L48" s="197"/>
      <c r="M48" s="197"/>
      <c r="N48" s="197"/>
      <c r="O48" s="197"/>
      <c r="P48" s="197"/>
      <c r="Q48" s="197"/>
      <c r="R48" s="197"/>
      <c r="S48" s="197"/>
      <c r="T48" s="197"/>
      <c r="U48" s="197"/>
      <c r="V48" s="197"/>
      <c r="W48" s="197"/>
      <c r="X48" s="197"/>
      <c r="Y48" s="197"/>
      <c r="Z48" s="205"/>
      <c r="AA48" s="197"/>
      <c r="AB48" s="197"/>
      <c r="AC48" s="206"/>
      <c r="AD48" s="286"/>
    </row>
    <row r="49" spans="2:30" s="200" customFormat="1" ht="15.75" customHeight="1" x14ac:dyDescent="0.15">
      <c r="B49" s="400"/>
      <c r="C49" s="401"/>
      <c r="D49" s="401"/>
      <c r="E49" s="401"/>
      <c r="F49" s="402"/>
      <c r="G49" s="217"/>
      <c r="H49" s="200" t="s">
        <v>592</v>
      </c>
      <c r="Z49" s="217"/>
      <c r="AA49" s="31" t="s">
        <v>20</v>
      </c>
      <c r="AB49" s="31" t="s">
        <v>567</v>
      </c>
      <c r="AC49" s="31" t="s">
        <v>21</v>
      </c>
      <c r="AD49" s="291"/>
    </row>
    <row r="50" spans="2:30" s="200" customFormat="1" ht="18" customHeight="1" x14ac:dyDescent="0.15">
      <c r="B50" s="400"/>
      <c r="C50" s="401"/>
      <c r="D50" s="401"/>
      <c r="E50" s="401"/>
      <c r="F50" s="402"/>
      <c r="G50" s="217"/>
      <c r="I50" s="188" t="s">
        <v>593</v>
      </c>
      <c r="J50" s="406" t="s">
        <v>594</v>
      </c>
      <c r="K50" s="407"/>
      <c r="L50" s="407"/>
      <c r="M50" s="407"/>
      <c r="N50" s="407"/>
      <c r="O50" s="407"/>
      <c r="P50" s="407"/>
      <c r="Q50" s="407"/>
      <c r="R50" s="407"/>
      <c r="S50" s="407"/>
      <c r="T50" s="407"/>
      <c r="U50" s="190"/>
      <c r="V50" s="409"/>
      <c r="W50" s="410"/>
      <c r="X50" s="190" t="s">
        <v>210</v>
      </c>
      <c r="Z50" s="217"/>
      <c r="AA50" s="202"/>
      <c r="AB50" s="187"/>
      <c r="AC50" s="202"/>
      <c r="AD50" s="2"/>
    </row>
    <row r="51" spans="2:30" s="200" customFormat="1" ht="18" customHeight="1" x14ac:dyDescent="0.15">
      <c r="B51" s="400"/>
      <c r="C51" s="401"/>
      <c r="D51" s="401"/>
      <c r="E51" s="401"/>
      <c r="F51" s="402"/>
      <c r="G51" s="217"/>
      <c r="I51" s="292" t="s">
        <v>576</v>
      </c>
      <c r="J51" s="421" t="s">
        <v>595</v>
      </c>
      <c r="K51" s="422"/>
      <c r="L51" s="422"/>
      <c r="M51" s="422"/>
      <c r="N51" s="422"/>
      <c r="O51" s="422"/>
      <c r="P51" s="422"/>
      <c r="Q51" s="422"/>
      <c r="R51" s="422"/>
      <c r="S51" s="422"/>
      <c r="T51" s="422"/>
      <c r="U51" s="199"/>
      <c r="V51" s="423"/>
      <c r="W51" s="416"/>
      <c r="X51" s="199" t="s">
        <v>210</v>
      </c>
      <c r="Y51" s="294"/>
      <c r="Z51" s="264"/>
      <c r="AA51" s="287" t="s">
        <v>0</v>
      </c>
      <c r="AB51" s="287" t="s">
        <v>578</v>
      </c>
      <c r="AC51" s="287" t="s">
        <v>0</v>
      </c>
      <c r="AD51" s="2"/>
    </row>
    <row r="52" spans="2:30" s="200" customFormat="1" ht="4.5" customHeight="1" x14ac:dyDescent="0.15">
      <c r="B52" s="403"/>
      <c r="C52" s="404"/>
      <c r="D52" s="404"/>
      <c r="E52" s="404"/>
      <c r="F52" s="405"/>
      <c r="G52" s="204"/>
      <c r="H52" s="198"/>
      <c r="I52" s="198"/>
      <c r="J52" s="198"/>
      <c r="K52" s="198"/>
      <c r="L52" s="198"/>
      <c r="M52" s="198"/>
      <c r="N52" s="198"/>
      <c r="O52" s="198"/>
      <c r="P52" s="198"/>
      <c r="Q52" s="198"/>
      <c r="R52" s="198"/>
      <c r="S52" s="198"/>
      <c r="T52" s="295"/>
      <c r="U52" s="295"/>
      <c r="V52" s="192"/>
      <c r="W52" s="192"/>
      <c r="X52" s="198"/>
      <c r="Y52" s="198"/>
      <c r="Z52" s="204"/>
      <c r="AA52" s="198"/>
      <c r="AB52" s="198"/>
      <c r="AC52" s="207"/>
      <c r="AD52" s="290"/>
    </row>
    <row r="53" spans="2:30" s="200" customFormat="1" ht="4.5" customHeight="1" x14ac:dyDescent="0.15">
      <c r="B53" s="397" t="s">
        <v>596</v>
      </c>
      <c r="C53" s="398"/>
      <c r="D53" s="398"/>
      <c r="E53" s="398"/>
      <c r="F53" s="399"/>
      <c r="G53" s="205"/>
      <c r="H53" s="197"/>
      <c r="I53" s="197"/>
      <c r="J53" s="197"/>
      <c r="K53" s="197"/>
      <c r="L53" s="197"/>
      <c r="M53" s="197"/>
      <c r="N53" s="197"/>
      <c r="O53" s="197"/>
      <c r="P53" s="197"/>
      <c r="Q53" s="197"/>
      <c r="R53" s="197"/>
      <c r="S53" s="197"/>
      <c r="T53" s="197"/>
      <c r="U53" s="197"/>
      <c r="V53" s="191"/>
      <c r="W53" s="191"/>
      <c r="X53" s="197"/>
      <c r="Y53" s="197"/>
      <c r="Z53" s="205"/>
      <c r="AA53" s="197"/>
      <c r="AB53" s="197"/>
      <c r="AC53" s="206"/>
      <c r="AD53" s="286"/>
    </row>
    <row r="54" spans="2:30" s="200" customFormat="1" ht="15.75" customHeight="1" x14ac:dyDescent="0.15">
      <c r="B54" s="400"/>
      <c r="C54" s="401"/>
      <c r="D54" s="401"/>
      <c r="E54" s="401"/>
      <c r="F54" s="402"/>
      <c r="G54" s="217"/>
      <c r="H54" s="200" t="s">
        <v>597</v>
      </c>
      <c r="V54" s="187"/>
      <c r="W54" s="187"/>
      <c r="Z54" s="217"/>
      <c r="AA54" s="31" t="s">
        <v>20</v>
      </c>
      <c r="AB54" s="31" t="s">
        <v>567</v>
      </c>
      <c r="AC54" s="31" t="s">
        <v>21</v>
      </c>
      <c r="AD54" s="291"/>
    </row>
    <row r="55" spans="2:30" s="200" customFormat="1" ht="18.75" customHeight="1" x14ac:dyDescent="0.15">
      <c r="B55" s="400"/>
      <c r="C55" s="401"/>
      <c r="D55" s="401"/>
      <c r="E55" s="401"/>
      <c r="F55" s="402"/>
      <c r="G55" s="217"/>
      <c r="I55" s="188" t="s">
        <v>590</v>
      </c>
      <c r="J55" s="406" t="s">
        <v>598</v>
      </c>
      <c r="K55" s="407"/>
      <c r="L55" s="407"/>
      <c r="M55" s="407"/>
      <c r="N55" s="407"/>
      <c r="O55" s="407"/>
      <c r="P55" s="407"/>
      <c r="Q55" s="407"/>
      <c r="R55" s="407"/>
      <c r="S55" s="407"/>
      <c r="T55" s="407"/>
      <c r="U55" s="190"/>
      <c r="V55" s="409"/>
      <c r="W55" s="410"/>
      <c r="X55" s="190" t="s">
        <v>210</v>
      </c>
      <c r="Z55" s="217"/>
      <c r="AA55" s="202"/>
      <c r="AB55" s="187"/>
      <c r="AC55" s="202"/>
      <c r="AD55" s="2"/>
    </row>
    <row r="56" spans="2:30" s="200" customFormat="1" ht="29.25" customHeight="1" x14ac:dyDescent="0.15">
      <c r="B56" s="400"/>
      <c r="C56" s="401"/>
      <c r="D56" s="401"/>
      <c r="E56" s="401"/>
      <c r="F56" s="402"/>
      <c r="G56" s="217"/>
      <c r="I56" s="292" t="s">
        <v>599</v>
      </c>
      <c r="J56" s="421" t="s">
        <v>600</v>
      </c>
      <c r="K56" s="422"/>
      <c r="L56" s="422"/>
      <c r="M56" s="422"/>
      <c r="N56" s="422"/>
      <c r="O56" s="422"/>
      <c r="P56" s="422"/>
      <c r="Q56" s="422"/>
      <c r="R56" s="422"/>
      <c r="S56" s="422"/>
      <c r="T56" s="422"/>
      <c r="U56" s="199"/>
      <c r="V56" s="423"/>
      <c r="W56" s="416"/>
      <c r="X56" s="199" t="s">
        <v>210</v>
      </c>
      <c r="Y56" s="294"/>
      <c r="Z56" s="264"/>
      <c r="AA56" s="287" t="s">
        <v>0</v>
      </c>
      <c r="AB56" s="287" t="s">
        <v>569</v>
      </c>
      <c r="AC56" s="287" t="s">
        <v>0</v>
      </c>
      <c r="AD56" s="2"/>
    </row>
    <row r="57" spans="2:30" s="200" customFormat="1" ht="4.5" customHeight="1" x14ac:dyDescent="0.15">
      <c r="B57" s="403"/>
      <c r="C57" s="404"/>
      <c r="D57" s="404"/>
      <c r="E57" s="404"/>
      <c r="F57" s="405"/>
      <c r="G57" s="204"/>
      <c r="H57" s="198"/>
      <c r="I57" s="198"/>
      <c r="J57" s="198"/>
      <c r="K57" s="198"/>
      <c r="L57" s="198"/>
      <c r="M57" s="198"/>
      <c r="N57" s="198"/>
      <c r="O57" s="198"/>
      <c r="P57" s="198"/>
      <c r="Q57" s="198"/>
      <c r="R57" s="198"/>
      <c r="S57" s="198"/>
      <c r="T57" s="295"/>
      <c r="U57" s="295"/>
      <c r="V57" s="198"/>
      <c r="W57" s="198"/>
      <c r="X57" s="198"/>
      <c r="Y57" s="198"/>
      <c r="Z57" s="204"/>
      <c r="AA57" s="198"/>
      <c r="AB57" s="198"/>
      <c r="AC57" s="207"/>
      <c r="AD57" s="290"/>
    </row>
    <row r="58" spans="2:30" s="200" customFormat="1" ht="4.5" customHeight="1" x14ac:dyDescent="0.15">
      <c r="B58" s="194"/>
      <c r="C58" s="194"/>
      <c r="D58" s="194"/>
      <c r="E58" s="194"/>
      <c r="F58" s="194"/>
      <c r="T58" s="294"/>
      <c r="U58" s="294"/>
    </row>
    <row r="59" spans="2:30" s="200" customFormat="1" ht="13.5" customHeight="1" x14ac:dyDescent="0.15">
      <c r="B59" s="418" t="s">
        <v>601</v>
      </c>
      <c r="C59" s="419"/>
      <c r="D59" s="297" t="s">
        <v>602</v>
      </c>
      <c r="E59" s="297"/>
      <c r="F59" s="297"/>
      <c r="G59" s="297"/>
      <c r="H59" s="297"/>
      <c r="I59" s="297"/>
      <c r="J59" s="297"/>
      <c r="K59" s="297"/>
      <c r="L59" s="297"/>
      <c r="M59" s="297"/>
      <c r="N59" s="297"/>
      <c r="O59" s="297"/>
      <c r="P59" s="297"/>
      <c r="Q59" s="297"/>
      <c r="R59" s="297"/>
      <c r="S59" s="297"/>
      <c r="T59" s="297"/>
      <c r="U59" s="297"/>
      <c r="V59" s="297"/>
      <c r="W59" s="297"/>
      <c r="X59" s="297"/>
      <c r="Y59" s="297"/>
      <c r="Z59" s="297"/>
      <c r="AA59" s="297"/>
      <c r="AB59" s="297"/>
      <c r="AC59" s="297"/>
      <c r="AD59" s="297"/>
    </row>
    <row r="60" spans="2:30" s="200" customFormat="1" ht="34.5" customHeight="1" x14ac:dyDescent="0.15">
      <c r="B60" s="418" t="s">
        <v>603</v>
      </c>
      <c r="C60" s="419"/>
      <c r="D60" s="420" t="s">
        <v>604</v>
      </c>
      <c r="E60" s="420"/>
      <c r="F60" s="420"/>
      <c r="G60" s="420"/>
      <c r="H60" s="420"/>
      <c r="I60" s="420"/>
      <c r="J60" s="420"/>
      <c r="K60" s="420"/>
      <c r="L60" s="420"/>
      <c r="M60" s="420"/>
      <c r="N60" s="420"/>
      <c r="O60" s="420"/>
      <c r="P60" s="420"/>
      <c r="Q60" s="420"/>
      <c r="R60" s="420"/>
      <c r="S60" s="420"/>
      <c r="T60" s="420"/>
      <c r="U60" s="420"/>
      <c r="V60" s="420"/>
      <c r="W60" s="420"/>
      <c r="X60" s="420"/>
      <c r="Y60" s="420"/>
      <c r="Z60" s="420"/>
      <c r="AA60" s="420"/>
      <c r="AB60" s="420"/>
      <c r="AC60" s="420"/>
      <c r="AD60" s="420"/>
    </row>
    <row r="61" spans="2:30" s="200" customFormat="1" ht="71.25" customHeight="1" x14ac:dyDescent="0.15">
      <c r="B61" s="213"/>
      <c r="C61" s="213"/>
      <c r="D61" s="213"/>
      <c r="E61" s="213"/>
      <c r="F61" s="213"/>
      <c r="G61" s="213"/>
      <c r="H61" s="213"/>
      <c r="I61" s="213"/>
      <c r="J61" s="213"/>
      <c r="K61" s="213"/>
      <c r="L61" s="213"/>
      <c r="M61" s="213"/>
      <c r="N61" s="213"/>
      <c r="O61" s="213"/>
      <c r="P61" s="213"/>
      <c r="Q61" s="213"/>
      <c r="R61" s="213"/>
      <c r="S61" s="213"/>
      <c r="T61" s="213"/>
      <c r="U61" s="213"/>
      <c r="V61" s="213"/>
      <c r="W61" s="213"/>
      <c r="X61" s="213"/>
      <c r="Y61" s="213"/>
      <c r="Z61" s="213"/>
      <c r="AA61" s="213"/>
      <c r="AB61" s="213"/>
      <c r="AC61" s="213"/>
      <c r="AD61" s="213"/>
    </row>
    <row r="62" spans="2:30" s="200" customFormat="1" x14ac:dyDescent="0.15">
      <c r="B62" s="222"/>
      <c r="C62" s="222"/>
      <c r="D62" s="222"/>
      <c r="E62" s="222"/>
      <c r="F62" s="222"/>
      <c r="G62" s="222"/>
      <c r="H62" s="222"/>
      <c r="I62" s="222"/>
      <c r="J62" s="222"/>
      <c r="K62" s="222"/>
      <c r="L62" s="222"/>
      <c r="M62" s="222"/>
      <c r="N62" s="222"/>
      <c r="O62" s="222"/>
      <c r="P62" s="222"/>
      <c r="Q62" s="222"/>
      <c r="R62" s="222"/>
      <c r="S62" s="222"/>
      <c r="T62" s="222"/>
      <c r="U62" s="222"/>
      <c r="V62" s="222"/>
      <c r="W62" s="222"/>
      <c r="X62" s="222"/>
      <c r="Y62" s="222"/>
      <c r="Z62" s="222"/>
      <c r="AA62" s="222"/>
      <c r="AB62" s="222"/>
      <c r="AC62" s="222"/>
      <c r="AD62" s="222"/>
    </row>
    <row r="63" spans="2:30" s="222" customFormat="1" x14ac:dyDescent="0.15"/>
    <row r="64" spans="2:30" x14ac:dyDescent="0.15">
      <c r="B64" s="222"/>
      <c r="C64" s="222"/>
      <c r="D64" s="222"/>
      <c r="E64" s="222"/>
      <c r="F64" s="222"/>
      <c r="G64" s="222"/>
      <c r="H64" s="222"/>
      <c r="I64" s="222"/>
      <c r="J64" s="222"/>
      <c r="K64" s="222"/>
      <c r="L64" s="222"/>
      <c r="M64" s="222"/>
      <c r="N64" s="222"/>
      <c r="O64" s="222"/>
      <c r="P64" s="222"/>
      <c r="Q64" s="222"/>
      <c r="R64" s="222"/>
      <c r="S64" s="222"/>
      <c r="T64" s="222"/>
      <c r="U64" s="222"/>
      <c r="V64" s="222"/>
      <c r="W64" s="222"/>
      <c r="X64" s="222"/>
      <c r="Y64" s="222"/>
      <c r="Z64" s="222"/>
      <c r="AA64" s="222"/>
      <c r="AB64" s="222"/>
      <c r="AC64" s="222"/>
      <c r="AD64" s="222"/>
    </row>
    <row r="65" spans="2:30" x14ac:dyDescent="0.15">
      <c r="B65" s="222"/>
      <c r="C65" s="222"/>
      <c r="D65" s="222"/>
      <c r="E65" s="222"/>
      <c r="F65" s="222"/>
      <c r="G65" s="222"/>
      <c r="H65" s="222"/>
      <c r="I65" s="222"/>
      <c r="J65" s="222"/>
      <c r="K65" s="222"/>
      <c r="L65" s="222"/>
      <c r="M65" s="222"/>
      <c r="N65" s="222"/>
      <c r="O65" s="222"/>
      <c r="P65" s="222"/>
      <c r="Q65" s="222"/>
      <c r="R65" s="222"/>
      <c r="S65" s="222"/>
      <c r="T65" s="222"/>
      <c r="U65" s="222"/>
      <c r="V65" s="222"/>
      <c r="W65" s="222"/>
      <c r="X65" s="222"/>
      <c r="Y65" s="222"/>
      <c r="Z65" s="222"/>
      <c r="AA65" s="222"/>
      <c r="AB65" s="222"/>
      <c r="AC65" s="222"/>
      <c r="AD65" s="222"/>
    </row>
    <row r="66" spans="2:30" s="222" customFormat="1" x14ac:dyDescent="0.15">
      <c r="B66" s="109"/>
      <c r="C66" s="7"/>
      <c r="D66" s="7"/>
      <c r="E66" s="7"/>
      <c r="F66" s="7"/>
      <c r="G66" s="7"/>
      <c r="H66" s="7"/>
      <c r="I66" s="7"/>
      <c r="J66" s="7"/>
      <c r="K66" s="7"/>
      <c r="L66" s="7"/>
      <c r="M66" s="7"/>
      <c r="N66" s="7"/>
      <c r="O66" s="7"/>
      <c r="P66" s="7"/>
      <c r="Q66" s="7"/>
      <c r="R66" s="7"/>
      <c r="S66" s="7"/>
      <c r="T66" s="7"/>
      <c r="U66" s="7"/>
      <c r="V66" s="7"/>
      <c r="W66" s="7"/>
      <c r="X66" s="7"/>
      <c r="Y66" s="7"/>
      <c r="Z66" s="7"/>
      <c r="AA66" s="7"/>
      <c r="AB66" s="7"/>
      <c r="AC66" s="7"/>
      <c r="AD66" s="7"/>
    </row>
    <row r="67" spans="2:30" s="222" customFormat="1" ht="13.5" customHeight="1" x14ac:dyDescent="0.15">
      <c r="B67" s="109"/>
      <c r="C67" s="7"/>
      <c r="D67" s="7"/>
      <c r="E67" s="7"/>
      <c r="F67" s="7"/>
      <c r="G67" s="7"/>
      <c r="H67" s="7"/>
      <c r="I67" s="7"/>
      <c r="J67" s="7"/>
      <c r="K67" s="7"/>
      <c r="L67" s="7"/>
      <c r="M67" s="7"/>
      <c r="N67" s="7"/>
      <c r="O67" s="7"/>
      <c r="P67" s="7"/>
      <c r="Q67" s="7"/>
      <c r="R67" s="7"/>
      <c r="S67" s="7"/>
      <c r="T67" s="7"/>
      <c r="U67" s="7"/>
      <c r="V67" s="7"/>
      <c r="W67" s="7"/>
      <c r="X67" s="7"/>
      <c r="Y67" s="7"/>
      <c r="Z67" s="7"/>
      <c r="AA67" s="7"/>
      <c r="AB67" s="7"/>
      <c r="AC67" s="7"/>
      <c r="AD67" s="7"/>
    </row>
    <row r="68" spans="2:30" s="222" customFormat="1" ht="13.5" customHeight="1" x14ac:dyDescent="0.15">
      <c r="B68" s="109"/>
      <c r="C68" s="7"/>
      <c r="D68" s="7"/>
      <c r="E68" s="7"/>
      <c r="F68" s="7"/>
      <c r="G68" s="7"/>
      <c r="H68" s="7"/>
      <c r="I68" s="7"/>
      <c r="J68" s="7"/>
      <c r="K68" s="7"/>
      <c r="L68" s="7"/>
      <c r="M68" s="7"/>
      <c r="N68" s="7"/>
      <c r="O68" s="7"/>
      <c r="P68" s="7"/>
      <c r="Q68" s="7"/>
      <c r="R68" s="7"/>
      <c r="S68" s="7"/>
      <c r="T68" s="7"/>
      <c r="U68" s="7"/>
      <c r="V68" s="7"/>
      <c r="W68" s="7"/>
      <c r="X68" s="7"/>
      <c r="Y68" s="7"/>
      <c r="Z68" s="7"/>
      <c r="AA68" s="7"/>
      <c r="AB68" s="7"/>
      <c r="AC68" s="7"/>
      <c r="AD68" s="7"/>
    </row>
    <row r="69" spans="2:30" s="222" customFormat="1" x14ac:dyDescent="0.15">
      <c r="B69" s="109"/>
      <c r="C69" s="7"/>
      <c r="D69" s="7"/>
      <c r="E69" s="7"/>
      <c r="F69" s="7"/>
      <c r="G69" s="7"/>
      <c r="H69" s="7"/>
      <c r="I69" s="7"/>
      <c r="J69" s="7"/>
      <c r="K69" s="7"/>
      <c r="L69" s="7"/>
      <c r="M69" s="7"/>
      <c r="N69" s="7"/>
      <c r="O69" s="7"/>
      <c r="P69" s="7"/>
      <c r="Q69" s="7"/>
      <c r="R69" s="7"/>
      <c r="S69" s="7"/>
      <c r="T69" s="7"/>
      <c r="U69" s="7"/>
      <c r="V69" s="7"/>
      <c r="W69" s="7"/>
      <c r="X69" s="7"/>
      <c r="Y69" s="7"/>
      <c r="Z69" s="7"/>
      <c r="AA69" s="7"/>
      <c r="AB69" s="7"/>
      <c r="AC69" s="7"/>
      <c r="AD69" s="7"/>
    </row>
    <row r="70" spans="2:30" s="222" customFormat="1" x14ac:dyDescent="0.15">
      <c r="B70" s="109"/>
      <c r="C70" s="7"/>
      <c r="D70" s="7"/>
      <c r="E70" s="7"/>
      <c r="F70" s="7"/>
      <c r="G70" s="7"/>
      <c r="H70" s="7"/>
      <c r="I70" s="7"/>
      <c r="J70" s="7"/>
      <c r="K70" s="7"/>
      <c r="L70" s="7"/>
      <c r="M70" s="7"/>
      <c r="N70" s="7"/>
      <c r="O70" s="7"/>
      <c r="P70" s="7"/>
      <c r="Q70" s="7"/>
      <c r="R70" s="7"/>
      <c r="S70" s="7"/>
      <c r="T70" s="7"/>
      <c r="U70" s="7"/>
      <c r="V70" s="7"/>
      <c r="W70" s="7"/>
      <c r="X70" s="7"/>
      <c r="Y70" s="7"/>
      <c r="Z70" s="7"/>
      <c r="AA70" s="7"/>
      <c r="AB70" s="7"/>
      <c r="AC70" s="7"/>
      <c r="AD70" s="7"/>
    </row>
    <row r="71" spans="2:30" s="222" customFormat="1" x14ac:dyDescent="0.15">
      <c r="B71" s="109"/>
      <c r="C71" s="7"/>
      <c r="D71" s="7"/>
      <c r="E71" s="7"/>
      <c r="F71" s="7"/>
      <c r="G71" s="7"/>
      <c r="H71" s="7"/>
      <c r="I71" s="7"/>
      <c r="J71" s="7"/>
      <c r="K71" s="7"/>
      <c r="L71" s="7"/>
      <c r="M71" s="7"/>
      <c r="N71" s="7"/>
      <c r="O71" s="7"/>
      <c r="P71" s="7"/>
      <c r="Q71" s="7"/>
      <c r="R71" s="7"/>
      <c r="S71" s="7"/>
      <c r="T71" s="7"/>
      <c r="U71" s="7"/>
      <c r="V71" s="7"/>
      <c r="W71" s="7"/>
      <c r="X71" s="7"/>
      <c r="Y71" s="7"/>
      <c r="Z71" s="7"/>
      <c r="AA71" s="7"/>
      <c r="AB71" s="7"/>
      <c r="AC71" s="7"/>
      <c r="AD71" s="7"/>
    </row>
    <row r="72" spans="2:30" ht="156" customHeight="1" x14ac:dyDescent="0.15"/>
    <row r="122" spans="3:7" x14ac:dyDescent="0.15">
      <c r="C122" s="8"/>
      <c r="D122" s="8"/>
      <c r="E122" s="8"/>
      <c r="F122" s="8"/>
      <c r="G122" s="8"/>
    </row>
    <row r="123" spans="3:7" x14ac:dyDescent="0.15">
      <c r="C123" s="70"/>
    </row>
  </sheetData>
  <mergeCells count="44">
    <mergeCell ref="B59:C59"/>
    <mergeCell ref="B60:C60"/>
    <mergeCell ref="D60:AD60"/>
    <mergeCell ref="B48:F52"/>
    <mergeCell ref="J50:T50"/>
    <mergeCell ref="V50:W50"/>
    <mergeCell ref="J51:T51"/>
    <mergeCell ref="V51:W51"/>
    <mergeCell ref="B53:F57"/>
    <mergeCell ref="J55:T55"/>
    <mergeCell ref="V55:W55"/>
    <mergeCell ref="J56:T56"/>
    <mergeCell ref="V56:W56"/>
    <mergeCell ref="B33:F38"/>
    <mergeCell ref="J35:T35"/>
    <mergeCell ref="V35:W35"/>
    <mergeCell ref="V36:W36"/>
    <mergeCell ref="I37:X37"/>
    <mergeCell ref="B42:F47"/>
    <mergeCell ref="J44:T44"/>
    <mergeCell ref="V44:W44"/>
    <mergeCell ref="V45:W45"/>
    <mergeCell ref="I46:X46"/>
    <mergeCell ref="B21:F29"/>
    <mergeCell ref="J23:U23"/>
    <mergeCell ref="V23:W23"/>
    <mergeCell ref="V24:W24"/>
    <mergeCell ref="I25:X25"/>
    <mergeCell ref="J28:U28"/>
    <mergeCell ref="V28:W28"/>
    <mergeCell ref="B9:F9"/>
    <mergeCell ref="B10:F10"/>
    <mergeCell ref="B11:F12"/>
    <mergeCell ref="B14:F16"/>
    <mergeCell ref="G14:Y14"/>
    <mergeCell ref="G15:Y15"/>
    <mergeCell ref="G16:Y16"/>
    <mergeCell ref="B8:F8"/>
    <mergeCell ref="G8:AD8"/>
    <mergeCell ref="V3:W3"/>
    <mergeCell ref="Y3:Z3"/>
    <mergeCell ref="AB3:AC3"/>
    <mergeCell ref="B5:AD5"/>
    <mergeCell ref="B6:AD6"/>
  </mergeCells>
  <phoneticPr fontId="3"/>
  <dataValidations count="1">
    <dataValidation type="list" allowBlank="1" showInputMessage="1" showErrorMessage="1" sqref="G9:G12 L9 Q9 T10 S11 AA15:AA16 AC15:AC16 AA24 AC24 AA28 AC28 AA36 AC36 AA45 AC45 AA51 AC51 AA56 AC56">
      <formula1>"□,■"</formula1>
    </dataValidation>
  </dataValidations>
  <pageMargins left="0.7" right="0.7" top="0.75" bottom="0.75" header="0.3" footer="0.3"/>
  <pageSetup paperSize="9" scale="88" orientation="portrait" r:id="rId1"/>
  <rowBreaks count="1" manualBreakCount="1">
    <brk id="60"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3"/>
  <sheetViews>
    <sheetView view="pageBreakPreview" topLeftCell="A4" zoomScale="60" zoomScaleNormal="100" workbookViewId="0">
      <selection activeCell="O47" sqref="O47"/>
    </sheetView>
  </sheetViews>
  <sheetFormatPr defaultColWidth="4" defaultRowHeight="13.5" x14ac:dyDescent="0.15"/>
  <cols>
    <col min="1" max="1" width="1.5" style="223" customWidth="1"/>
    <col min="2" max="2" width="2.375" style="223" customWidth="1"/>
    <col min="3" max="3" width="1.125" style="223" customWidth="1"/>
    <col min="4" max="19" width="4" style="223"/>
    <col min="20" max="20" width="7.125" style="223" customWidth="1"/>
    <col min="21" max="21" width="3.875" style="223" customWidth="1"/>
    <col min="22" max="22" width="4" style="223"/>
    <col min="23" max="23" width="2.25" style="223" customWidth="1"/>
    <col min="24" max="24" width="4.625" style="223" customWidth="1"/>
    <col min="25" max="25" width="2.375" style="223" customWidth="1"/>
    <col min="26" max="26" width="1.5" style="223" customWidth="1"/>
    <col min="27" max="256" width="4" style="223"/>
    <col min="257" max="257" width="1.5" style="223" customWidth="1"/>
    <col min="258" max="258" width="2.375" style="223" customWidth="1"/>
    <col min="259" max="259" width="1.125" style="223" customWidth="1"/>
    <col min="260" max="275" width="4" style="223"/>
    <col min="276" max="276" width="7.125" style="223" customWidth="1"/>
    <col min="277" max="277" width="3.875" style="223" customWidth="1"/>
    <col min="278" max="278" width="4" style="223"/>
    <col min="279" max="279" width="2.25" style="223" customWidth="1"/>
    <col min="280" max="280" width="4.625" style="223" customWidth="1"/>
    <col min="281" max="281" width="2.375" style="223" customWidth="1"/>
    <col min="282" max="282" width="1.5" style="223" customWidth="1"/>
    <col min="283" max="512" width="4" style="223"/>
    <col min="513" max="513" width="1.5" style="223" customWidth="1"/>
    <col min="514" max="514" width="2.375" style="223" customWidth="1"/>
    <col min="515" max="515" width="1.125" style="223" customWidth="1"/>
    <col min="516" max="531" width="4" style="223"/>
    <col min="532" max="532" width="7.125" style="223" customWidth="1"/>
    <col min="533" max="533" width="3.875" style="223" customWidth="1"/>
    <col min="534" max="534" width="4" style="223"/>
    <col min="535" max="535" width="2.25" style="223" customWidth="1"/>
    <col min="536" max="536" width="4.625" style="223" customWidth="1"/>
    <col min="537" max="537" width="2.375" style="223" customWidth="1"/>
    <col min="538" max="538" width="1.5" style="223" customWidth="1"/>
    <col min="539" max="768" width="4" style="223"/>
    <col min="769" max="769" width="1.5" style="223" customWidth="1"/>
    <col min="770" max="770" width="2.375" style="223" customWidth="1"/>
    <col min="771" max="771" width="1.125" style="223" customWidth="1"/>
    <col min="772" max="787" width="4" style="223"/>
    <col min="788" max="788" width="7.125" style="223" customWidth="1"/>
    <col min="789" max="789" width="3.875" style="223" customWidth="1"/>
    <col min="790" max="790" width="4" style="223"/>
    <col min="791" max="791" width="2.25" style="223" customWidth="1"/>
    <col min="792" max="792" width="4.625" style="223" customWidth="1"/>
    <col min="793" max="793" width="2.375" style="223" customWidth="1"/>
    <col min="794" max="794" width="1.5" style="223" customWidth="1"/>
    <col min="795" max="1024" width="4" style="223"/>
    <col min="1025" max="1025" width="1.5" style="223" customWidth="1"/>
    <col min="1026" max="1026" width="2.375" style="223" customWidth="1"/>
    <col min="1027" max="1027" width="1.125" style="223" customWidth="1"/>
    <col min="1028" max="1043" width="4" style="223"/>
    <col min="1044" max="1044" width="7.125" style="223" customWidth="1"/>
    <col min="1045" max="1045" width="3.875" style="223" customWidth="1"/>
    <col min="1046" max="1046" width="4" style="223"/>
    <col min="1047" max="1047" width="2.25" style="223" customWidth="1"/>
    <col min="1048" max="1048" width="4.625" style="223" customWidth="1"/>
    <col min="1049" max="1049" width="2.375" style="223" customWidth="1"/>
    <col min="1050" max="1050" width="1.5" style="223" customWidth="1"/>
    <col min="1051" max="1280" width="4" style="223"/>
    <col min="1281" max="1281" width="1.5" style="223" customWidth="1"/>
    <col min="1282" max="1282" width="2.375" style="223" customWidth="1"/>
    <col min="1283" max="1283" width="1.125" style="223" customWidth="1"/>
    <col min="1284" max="1299" width="4" style="223"/>
    <col min="1300" max="1300" width="7.125" style="223" customWidth="1"/>
    <col min="1301" max="1301" width="3.875" style="223" customWidth="1"/>
    <col min="1302" max="1302" width="4" style="223"/>
    <col min="1303" max="1303" width="2.25" style="223" customWidth="1"/>
    <col min="1304" max="1304" width="4.625" style="223" customWidth="1"/>
    <col min="1305" max="1305" width="2.375" style="223" customWidth="1"/>
    <col min="1306" max="1306" width="1.5" style="223" customWidth="1"/>
    <col min="1307" max="1536" width="4" style="223"/>
    <col min="1537" max="1537" width="1.5" style="223" customWidth="1"/>
    <col min="1538" max="1538" width="2.375" style="223" customWidth="1"/>
    <col min="1539" max="1539" width="1.125" style="223" customWidth="1"/>
    <col min="1540" max="1555" width="4" style="223"/>
    <col min="1556" max="1556" width="7.125" style="223" customWidth="1"/>
    <col min="1557" max="1557" width="3.875" style="223" customWidth="1"/>
    <col min="1558" max="1558" width="4" style="223"/>
    <col min="1559" max="1559" width="2.25" style="223" customWidth="1"/>
    <col min="1560" max="1560" width="4.625" style="223" customWidth="1"/>
    <col min="1561" max="1561" width="2.375" style="223" customWidth="1"/>
    <col min="1562" max="1562" width="1.5" style="223" customWidth="1"/>
    <col min="1563" max="1792" width="4" style="223"/>
    <col min="1793" max="1793" width="1.5" style="223" customWidth="1"/>
    <col min="1794" max="1794" width="2.375" style="223" customWidth="1"/>
    <col min="1795" max="1795" width="1.125" style="223" customWidth="1"/>
    <col min="1796" max="1811" width="4" style="223"/>
    <col min="1812" max="1812" width="7.125" style="223" customWidth="1"/>
    <col min="1813" max="1813" width="3.875" style="223" customWidth="1"/>
    <col min="1814" max="1814" width="4" style="223"/>
    <col min="1815" max="1815" width="2.25" style="223" customWidth="1"/>
    <col min="1816" max="1816" width="4.625" style="223" customWidth="1"/>
    <col min="1817" max="1817" width="2.375" style="223" customWidth="1"/>
    <col min="1818" max="1818" width="1.5" style="223" customWidth="1"/>
    <col min="1819" max="2048" width="4" style="223"/>
    <col min="2049" max="2049" width="1.5" style="223" customWidth="1"/>
    <col min="2050" max="2050" width="2.375" style="223" customWidth="1"/>
    <col min="2051" max="2051" width="1.125" style="223" customWidth="1"/>
    <col min="2052" max="2067" width="4" style="223"/>
    <col min="2068" max="2068" width="7.125" style="223" customWidth="1"/>
    <col min="2069" max="2069" width="3.875" style="223" customWidth="1"/>
    <col min="2070" max="2070" width="4" style="223"/>
    <col min="2071" max="2071" width="2.25" style="223" customWidth="1"/>
    <col min="2072" max="2072" width="4.625" style="223" customWidth="1"/>
    <col min="2073" max="2073" width="2.375" style="223" customWidth="1"/>
    <col min="2074" max="2074" width="1.5" style="223" customWidth="1"/>
    <col min="2075" max="2304" width="4" style="223"/>
    <col min="2305" max="2305" width="1.5" style="223" customWidth="1"/>
    <col min="2306" max="2306" width="2.375" style="223" customWidth="1"/>
    <col min="2307" max="2307" width="1.125" style="223" customWidth="1"/>
    <col min="2308" max="2323" width="4" style="223"/>
    <col min="2324" max="2324" width="7.125" style="223" customWidth="1"/>
    <col min="2325" max="2325" width="3.875" style="223" customWidth="1"/>
    <col min="2326" max="2326" width="4" style="223"/>
    <col min="2327" max="2327" width="2.25" style="223" customWidth="1"/>
    <col min="2328" max="2328" width="4.625" style="223" customWidth="1"/>
    <col min="2329" max="2329" width="2.375" style="223" customWidth="1"/>
    <col min="2330" max="2330" width="1.5" style="223" customWidth="1"/>
    <col min="2331" max="2560" width="4" style="223"/>
    <col min="2561" max="2561" width="1.5" style="223" customWidth="1"/>
    <col min="2562" max="2562" width="2.375" style="223" customWidth="1"/>
    <col min="2563" max="2563" width="1.125" style="223" customWidth="1"/>
    <col min="2564" max="2579" width="4" style="223"/>
    <col min="2580" max="2580" width="7.125" style="223" customWidth="1"/>
    <col min="2581" max="2581" width="3.875" style="223" customWidth="1"/>
    <col min="2582" max="2582" width="4" style="223"/>
    <col min="2583" max="2583" width="2.25" style="223" customWidth="1"/>
    <col min="2584" max="2584" width="4.625" style="223" customWidth="1"/>
    <col min="2585" max="2585" width="2.375" style="223" customWidth="1"/>
    <col min="2586" max="2586" width="1.5" style="223" customWidth="1"/>
    <col min="2587" max="2816" width="4" style="223"/>
    <col min="2817" max="2817" width="1.5" style="223" customWidth="1"/>
    <col min="2818" max="2818" width="2.375" style="223" customWidth="1"/>
    <col min="2819" max="2819" width="1.125" style="223" customWidth="1"/>
    <col min="2820" max="2835" width="4" style="223"/>
    <col min="2836" max="2836" width="7.125" style="223" customWidth="1"/>
    <col min="2837" max="2837" width="3.875" style="223" customWidth="1"/>
    <col min="2838" max="2838" width="4" style="223"/>
    <col min="2839" max="2839" width="2.25" style="223" customWidth="1"/>
    <col min="2840" max="2840" width="4.625" style="223" customWidth="1"/>
    <col min="2841" max="2841" width="2.375" style="223" customWidth="1"/>
    <col min="2842" max="2842" width="1.5" style="223" customWidth="1"/>
    <col min="2843" max="3072" width="4" style="223"/>
    <col min="3073" max="3073" width="1.5" style="223" customWidth="1"/>
    <col min="3074" max="3074" width="2.375" style="223" customWidth="1"/>
    <col min="3075" max="3075" width="1.125" style="223" customWidth="1"/>
    <col min="3076" max="3091" width="4" style="223"/>
    <col min="3092" max="3092" width="7.125" style="223" customWidth="1"/>
    <col min="3093" max="3093" width="3.875" style="223" customWidth="1"/>
    <col min="3094" max="3094" width="4" style="223"/>
    <col min="3095" max="3095" width="2.25" style="223" customWidth="1"/>
    <col min="3096" max="3096" width="4.625" style="223" customWidth="1"/>
    <col min="3097" max="3097" width="2.375" style="223" customWidth="1"/>
    <col min="3098" max="3098" width="1.5" style="223" customWidth="1"/>
    <col min="3099" max="3328" width="4" style="223"/>
    <col min="3329" max="3329" width="1.5" style="223" customWidth="1"/>
    <col min="3330" max="3330" width="2.375" style="223" customWidth="1"/>
    <col min="3331" max="3331" width="1.125" style="223" customWidth="1"/>
    <col min="3332" max="3347" width="4" style="223"/>
    <col min="3348" max="3348" width="7.125" style="223" customWidth="1"/>
    <col min="3349" max="3349" width="3.875" style="223" customWidth="1"/>
    <col min="3350" max="3350" width="4" style="223"/>
    <col min="3351" max="3351" width="2.25" style="223" customWidth="1"/>
    <col min="3352" max="3352" width="4.625" style="223" customWidth="1"/>
    <col min="3353" max="3353" width="2.375" style="223" customWidth="1"/>
    <col min="3354" max="3354" width="1.5" style="223" customWidth="1"/>
    <col min="3355" max="3584" width="4" style="223"/>
    <col min="3585" max="3585" width="1.5" style="223" customWidth="1"/>
    <col min="3586" max="3586" width="2.375" style="223" customWidth="1"/>
    <col min="3587" max="3587" width="1.125" style="223" customWidth="1"/>
    <col min="3588" max="3603" width="4" style="223"/>
    <col min="3604" max="3604" width="7.125" style="223" customWidth="1"/>
    <col min="3605" max="3605" width="3.875" style="223" customWidth="1"/>
    <col min="3606" max="3606" width="4" style="223"/>
    <col min="3607" max="3607" width="2.25" style="223" customWidth="1"/>
    <col min="3608" max="3608" width="4.625" style="223" customWidth="1"/>
    <col min="3609" max="3609" width="2.375" style="223" customWidth="1"/>
    <col min="3610" max="3610" width="1.5" style="223" customWidth="1"/>
    <col min="3611" max="3840" width="4" style="223"/>
    <col min="3841" max="3841" width="1.5" style="223" customWidth="1"/>
    <col min="3842" max="3842" width="2.375" style="223" customWidth="1"/>
    <col min="3843" max="3843" width="1.125" style="223" customWidth="1"/>
    <col min="3844" max="3859" width="4" style="223"/>
    <col min="3860" max="3860" width="7.125" style="223" customWidth="1"/>
    <col min="3861" max="3861" width="3.875" style="223" customWidth="1"/>
    <col min="3862" max="3862" width="4" style="223"/>
    <col min="3863" max="3863" width="2.25" style="223" customWidth="1"/>
    <col min="3864" max="3864" width="4.625" style="223" customWidth="1"/>
    <col min="3865" max="3865" width="2.375" style="223" customWidth="1"/>
    <col min="3866" max="3866" width="1.5" style="223" customWidth="1"/>
    <col min="3867" max="4096" width="4" style="223"/>
    <col min="4097" max="4097" width="1.5" style="223" customWidth="1"/>
    <col min="4098" max="4098" width="2.375" style="223" customWidth="1"/>
    <col min="4099" max="4099" width="1.125" style="223" customWidth="1"/>
    <col min="4100" max="4115" width="4" style="223"/>
    <col min="4116" max="4116" width="7.125" style="223" customWidth="1"/>
    <col min="4117" max="4117" width="3.875" style="223" customWidth="1"/>
    <col min="4118" max="4118" width="4" style="223"/>
    <col min="4119" max="4119" width="2.25" style="223" customWidth="1"/>
    <col min="4120" max="4120" width="4.625" style="223" customWidth="1"/>
    <col min="4121" max="4121" width="2.375" style="223" customWidth="1"/>
    <col min="4122" max="4122" width="1.5" style="223" customWidth="1"/>
    <col min="4123" max="4352" width="4" style="223"/>
    <col min="4353" max="4353" width="1.5" style="223" customWidth="1"/>
    <col min="4354" max="4354" width="2.375" style="223" customWidth="1"/>
    <col min="4355" max="4355" width="1.125" style="223" customWidth="1"/>
    <col min="4356" max="4371" width="4" style="223"/>
    <col min="4372" max="4372" width="7.125" style="223" customWidth="1"/>
    <col min="4373" max="4373" width="3.875" style="223" customWidth="1"/>
    <col min="4374" max="4374" width="4" style="223"/>
    <col min="4375" max="4375" width="2.25" style="223" customWidth="1"/>
    <col min="4376" max="4376" width="4.625" style="223" customWidth="1"/>
    <col min="4377" max="4377" width="2.375" style="223" customWidth="1"/>
    <col min="4378" max="4378" width="1.5" style="223" customWidth="1"/>
    <col min="4379" max="4608" width="4" style="223"/>
    <col min="4609" max="4609" width="1.5" style="223" customWidth="1"/>
    <col min="4610" max="4610" width="2.375" style="223" customWidth="1"/>
    <col min="4611" max="4611" width="1.125" style="223" customWidth="1"/>
    <col min="4612" max="4627" width="4" style="223"/>
    <col min="4628" max="4628" width="7.125" style="223" customWidth="1"/>
    <col min="4629" max="4629" width="3.875" style="223" customWidth="1"/>
    <col min="4630" max="4630" width="4" style="223"/>
    <col min="4631" max="4631" width="2.25" style="223" customWidth="1"/>
    <col min="4632" max="4632" width="4.625" style="223" customWidth="1"/>
    <col min="4633" max="4633" width="2.375" style="223" customWidth="1"/>
    <col min="4634" max="4634" width="1.5" style="223" customWidth="1"/>
    <col min="4635" max="4864" width="4" style="223"/>
    <col min="4865" max="4865" width="1.5" style="223" customWidth="1"/>
    <col min="4866" max="4866" width="2.375" style="223" customWidth="1"/>
    <col min="4867" max="4867" width="1.125" style="223" customWidth="1"/>
    <col min="4868" max="4883" width="4" style="223"/>
    <col min="4884" max="4884" width="7.125" style="223" customWidth="1"/>
    <col min="4885" max="4885" width="3.875" style="223" customWidth="1"/>
    <col min="4886" max="4886" width="4" style="223"/>
    <col min="4887" max="4887" width="2.25" style="223" customWidth="1"/>
    <col min="4888" max="4888" width="4.625" style="223" customWidth="1"/>
    <col min="4889" max="4889" width="2.375" style="223" customWidth="1"/>
    <col min="4890" max="4890" width="1.5" style="223" customWidth="1"/>
    <col min="4891" max="5120" width="4" style="223"/>
    <col min="5121" max="5121" width="1.5" style="223" customWidth="1"/>
    <col min="5122" max="5122" width="2.375" style="223" customWidth="1"/>
    <col min="5123" max="5123" width="1.125" style="223" customWidth="1"/>
    <col min="5124" max="5139" width="4" style="223"/>
    <col min="5140" max="5140" width="7.125" style="223" customWidth="1"/>
    <col min="5141" max="5141" width="3.875" style="223" customWidth="1"/>
    <col min="5142" max="5142" width="4" style="223"/>
    <col min="5143" max="5143" width="2.25" style="223" customWidth="1"/>
    <col min="5144" max="5144" width="4.625" style="223" customWidth="1"/>
    <col min="5145" max="5145" width="2.375" style="223" customWidth="1"/>
    <col min="5146" max="5146" width="1.5" style="223" customWidth="1"/>
    <col min="5147" max="5376" width="4" style="223"/>
    <col min="5377" max="5377" width="1.5" style="223" customWidth="1"/>
    <col min="5378" max="5378" width="2.375" style="223" customWidth="1"/>
    <col min="5379" max="5379" width="1.125" style="223" customWidth="1"/>
    <col min="5380" max="5395" width="4" style="223"/>
    <col min="5396" max="5396" width="7.125" style="223" customWidth="1"/>
    <col min="5397" max="5397" width="3.875" style="223" customWidth="1"/>
    <col min="5398" max="5398" width="4" style="223"/>
    <col min="5399" max="5399" width="2.25" style="223" customWidth="1"/>
    <col min="5400" max="5400" width="4.625" style="223" customWidth="1"/>
    <col min="5401" max="5401" width="2.375" style="223" customWidth="1"/>
    <col min="5402" max="5402" width="1.5" style="223" customWidth="1"/>
    <col min="5403" max="5632" width="4" style="223"/>
    <col min="5633" max="5633" width="1.5" style="223" customWidth="1"/>
    <col min="5634" max="5634" width="2.375" style="223" customWidth="1"/>
    <col min="5635" max="5635" width="1.125" style="223" customWidth="1"/>
    <col min="5636" max="5651" width="4" style="223"/>
    <col min="5652" max="5652" width="7.125" style="223" customWidth="1"/>
    <col min="5653" max="5653" width="3.875" style="223" customWidth="1"/>
    <col min="5654" max="5654" width="4" style="223"/>
    <col min="5655" max="5655" width="2.25" style="223" customWidth="1"/>
    <col min="5656" max="5656" width="4.625" style="223" customWidth="1"/>
    <col min="5657" max="5657" width="2.375" style="223" customWidth="1"/>
    <col min="5658" max="5658" width="1.5" style="223" customWidth="1"/>
    <col min="5659" max="5888" width="4" style="223"/>
    <col min="5889" max="5889" width="1.5" style="223" customWidth="1"/>
    <col min="5890" max="5890" width="2.375" style="223" customWidth="1"/>
    <col min="5891" max="5891" width="1.125" style="223" customWidth="1"/>
    <col min="5892" max="5907" width="4" style="223"/>
    <col min="5908" max="5908" width="7.125" style="223" customWidth="1"/>
    <col min="5909" max="5909" width="3.875" style="223" customWidth="1"/>
    <col min="5910" max="5910" width="4" style="223"/>
    <col min="5911" max="5911" width="2.25" style="223" customWidth="1"/>
    <col min="5912" max="5912" width="4.625" style="223" customWidth="1"/>
    <col min="5913" max="5913" width="2.375" style="223" customWidth="1"/>
    <col min="5914" max="5914" width="1.5" style="223" customWidth="1"/>
    <col min="5915" max="6144" width="4" style="223"/>
    <col min="6145" max="6145" width="1.5" style="223" customWidth="1"/>
    <col min="6146" max="6146" width="2.375" style="223" customWidth="1"/>
    <col min="6147" max="6147" width="1.125" style="223" customWidth="1"/>
    <col min="6148" max="6163" width="4" style="223"/>
    <col min="6164" max="6164" width="7.125" style="223" customWidth="1"/>
    <col min="6165" max="6165" width="3.875" style="223" customWidth="1"/>
    <col min="6166" max="6166" width="4" style="223"/>
    <col min="6167" max="6167" width="2.25" style="223" customWidth="1"/>
    <col min="6168" max="6168" width="4.625" style="223" customWidth="1"/>
    <col min="6169" max="6169" width="2.375" style="223" customWidth="1"/>
    <col min="6170" max="6170" width="1.5" style="223" customWidth="1"/>
    <col min="6171" max="6400" width="4" style="223"/>
    <col min="6401" max="6401" width="1.5" style="223" customWidth="1"/>
    <col min="6402" max="6402" width="2.375" style="223" customWidth="1"/>
    <col min="6403" max="6403" width="1.125" style="223" customWidth="1"/>
    <col min="6404" max="6419" width="4" style="223"/>
    <col min="6420" max="6420" width="7.125" style="223" customWidth="1"/>
    <col min="6421" max="6421" width="3.875" style="223" customWidth="1"/>
    <col min="6422" max="6422" width="4" style="223"/>
    <col min="6423" max="6423" width="2.25" style="223" customWidth="1"/>
    <col min="6424" max="6424" width="4.625" style="223" customWidth="1"/>
    <col min="6425" max="6425" width="2.375" style="223" customWidth="1"/>
    <col min="6426" max="6426" width="1.5" style="223" customWidth="1"/>
    <col min="6427" max="6656" width="4" style="223"/>
    <col min="6657" max="6657" width="1.5" style="223" customWidth="1"/>
    <col min="6658" max="6658" width="2.375" style="223" customWidth="1"/>
    <col min="6659" max="6659" width="1.125" style="223" customWidth="1"/>
    <col min="6660" max="6675" width="4" style="223"/>
    <col min="6676" max="6676" width="7.125" style="223" customWidth="1"/>
    <col min="6677" max="6677" width="3.875" style="223" customWidth="1"/>
    <col min="6678" max="6678" width="4" style="223"/>
    <col min="6679" max="6679" width="2.25" style="223" customWidth="1"/>
    <col min="6680" max="6680" width="4.625" style="223" customWidth="1"/>
    <col min="6681" max="6681" width="2.375" style="223" customWidth="1"/>
    <col min="6682" max="6682" width="1.5" style="223" customWidth="1"/>
    <col min="6683" max="6912" width="4" style="223"/>
    <col min="6913" max="6913" width="1.5" style="223" customWidth="1"/>
    <col min="6914" max="6914" width="2.375" style="223" customWidth="1"/>
    <col min="6915" max="6915" width="1.125" style="223" customWidth="1"/>
    <col min="6916" max="6931" width="4" style="223"/>
    <col min="6932" max="6932" width="7.125" style="223" customWidth="1"/>
    <col min="6933" max="6933" width="3.875" style="223" customWidth="1"/>
    <col min="6934" max="6934" width="4" style="223"/>
    <col min="6935" max="6935" width="2.25" style="223" customWidth="1"/>
    <col min="6936" max="6936" width="4.625" style="223" customWidth="1"/>
    <col min="6937" max="6937" width="2.375" style="223" customWidth="1"/>
    <col min="6938" max="6938" width="1.5" style="223" customWidth="1"/>
    <col min="6939" max="7168" width="4" style="223"/>
    <col min="7169" max="7169" width="1.5" style="223" customWidth="1"/>
    <col min="7170" max="7170" width="2.375" style="223" customWidth="1"/>
    <col min="7171" max="7171" width="1.125" style="223" customWidth="1"/>
    <col min="7172" max="7187" width="4" style="223"/>
    <col min="7188" max="7188" width="7.125" style="223" customWidth="1"/>
    <col min="7189" max="7189" width="3.875" style="223" customWidth="1"/>
    <col min="7190" max="7190" width="4" style="223"/>
    <col min="7191" max="7191" width="2.25" style="223" customWidth="1"/>
    <col min="7192" max="7192" width="4.625" style="223" customWidth="1"/>
    <col min="7193" max="7193" width="2.375" style="223" customWidth="1"/>
    <col min="7194" max="7194" width="1.5" style="223" customWidth="1"/>
    <col min="7195" max="7424" width="4" style="223"/>
    <col min="7425" max="7425" width="1.5" style="223" customWidth="1"/>
    <col min="7426" max="7426" width="2.375" style="223" customWidth="1"/>
    <col min="7427" max="7427" width="1.125" style="223" customWidth="1"/>
    <col min="7428" max="7443" width="4" style="223"/>
    <col min="7444" max="7444" width="7.125" style="223" customWidth="1"/>
    <col min="7445" max="7445" width="3.875" style="223" customWidth="1"/>
    <col min="7446" max="7446" width="4" style="223"/>
    <col min="7447" max="7447" width="2.25" style="223" customWidth="1"/>
    <col min="7448" max="7448" width="4.625" style="223" customWidth="1"/>
    <col min="7449" max="7449" width="2.375" style="223" customWidth="1"/>
    <col min="7450" max="7450" width="1.5" style="223" customWidth="1"/>
    <col min="7451" max="7680" width="4" style="223"/>
    <col min="7681" max="7681" width="1.5" style="223" customWidth="1"/>
    <col min="7682" max="7682" width="2.375" style="223" customWidth="1"/>
    <col min="7683" max="7683" width="1.125" style="223" customWidth="1"/>
    <col min="7684" max="7699" width="4" style="223"/>
    <col min="7700" max="7700" width="7.125" style="223" customWidth="1"/>
    <col min="7701" max="7701" width="3.875" style="223" customWidth="1"/>
    <col min="7702" max="7702" width="4" style="223"/>
    <col min="7703" max="7703" width="2.25" style="223" customWidth="1"/>
    <col min="7704" max="7704" width="4.625" style="223" customWidth="1"/>
    <col min="7705" max="7705" width="2.375" style="223" customWidth="1"/>
    <col min="7706" max="7706" width="1.5" style="223" customWidth="1"/>
    <col min="7707" max="7936" width="4" style="223"/>
    <col min="7937" max="7937" width="1.5" style="223" customWidth="1"/>
    <col min="7938" max="7938" width="2.375" style="223" customWidth="1"/>
    <col min="7939" max="7939" width="1.125" style="223" customWidth="1"/>
    <col min="7940" max="7955" width="4" style="223"/>
    <col min="7956" max="7956" width="7.125" style="223" customWidth="1"/>
    <col min="7957" max="7957" width="3.875" style="223" customWidth="1"/>
    <col min="7958" max="7958" width="4" style="223"/>
    <col min="7959" max="7959" width="2.25" style="223" customWidth="1"/>
    <col min="7960" max="7960" width="4.625" style="223" customWidth="1"/>
    <col min="7961" max="7961" width="2.375" style="223" customWidth="1"/>
    <col min="7962" max="7962" width="1.5" style="223" customWidth="1"/>
    <col min="7963" max="8192" width="4" style="223"/>
    <col min="8193" max="8193" width="1.5" style="223" customWidth="1"/>
    <col min="8194" max="8194" width="2.375" style="223" customWidth="1"/>
    <col min="8195" max="8195" width="1.125" style="223" customWidth="1"/>
    <col min="8196" max="8211" width="4" style="223"/>
    <col min="8212" max="8212" width="7.125" style="223" customWidth="1"/>
    <col min="8213" max="8213" width="3.875" style="223" customWidth="1"/>
    <col min="8214" max="8214" width="4" style="223"/>
    <col min="8215" max="8215" width="2.25" style="223" customWidth="1"/>
    <col min="8216" max="8216" width="4.625" style="223" customWidth="1"/>
    <col min="8217" max="8217" width="2.375" style="223" customWidth="1"/>
    <col min="8218" max="8218" width="1.5" style="223" customWidth="1"/>
    <col min="8219" max="8448" width="4" style="223"/>
    <col min="8449" max="8449" width="1.5" style="223" customWidth="1"/>
    <col min="8450" max="8450" width="2.375" style="223" customWidth="1"/>
    <col min="8451" max="8451" width="1.125" style="223" customWidth="1"/>
    <col min="8452" max="8467" width="4" style="223"/>
    <col min="8468" max="8468" width="7.125" style="223" customWidth="1"/>
    <col min="8469" max="8469" width="3.875" style="223" customWidth="1"/>
    <col min="8470" max="8470" width="4" style="223"/>
    <col min="8471" max="8471" width="2.25" style="223" customWidth="1"/>
    <col min="8472" max="8472" width="4.625" style="223" customWidth="1"/>
    <col min="8473" max="8473" width="2.375" style="223" customWidth="1"/>
    <col min="8474" max="8474" width="1.5" style="223" customWidth="1"/>
    <col min="8475" max="8704" width="4" style="223"/>
    <col min="8705" max="8705" width="1.5" style="223" customWidth="1"/>
    <col min="8706" max="8706" width="2.375" style="223" customWidth="1"/>
    <col min="8707" max="8707" width="1.125" style="223" customWidth="1"/>
    <col min="8708" max="8723" width="4" style="223"/>
    <col min="8724" max="8724" width="7.125" style="223" customWidth="1"/>
    <col min="8725" max="8725" width="3.875" style="223" customWidth="1"/>
    <col min="8726" max="8726" width="4" style="223"/>
    <col min="8727" max="8727" width="2.25" style="223" customWidth="1"/>
    <col min="8728" max="8728" width="4.625" style="223" customWidth="1"/>
    <col min="8729" max="8729" width="2.375" style="223" customWidth="1"/>
    <col min="8730" max="8730" width="1.5" style="223" customWidth="1"/>
    <col min="8731" max="8960" width="4" style="223"/>
    <col min="8961" max="8961" width="1.5" style="223" customWidth="1"/>
    <col min="8962" max="8962" width="2.375" style="223" customWidth="1"/>
    <col min="8963" max="8963" width="1.125" style="223" customWidth="1"/>
    <col min="8964" max="8979" width="4" style="223"/>
    <col min="8980" max="8980" width="7.125" style="223" customWidth="1"/>
    <col min="8981" max="8981" width="3.875" style="223" customWidth="1"/>
    <col min="8982" max="8982" width="4" style="223"/>
    <col min="8983" max="8983" width="2.25" style="223" customWidth="1"/>
    <col min="8984" max="8984" width="4.625" style="223" customWidth="1"/>
    <col min="8985" max="8985" width="2.375" style="223" customWidth="1"/>
    <col min="8986" max="8986" width="1.5" style="223" customWidth="1"/>
    <col min="8987" max="9216" width="4" style="223"/>
    <col min="9217" max="9217" width="1.5" style="223" customWidth="1"/>
    <col min="9218" max="9218" width="2.375" style="223" customWidth="1"/>
    <col min="9219" max="9219" width="1.125" style="223" customWidth="1"/>
    <col min="9220" max="9235" width="4" style="223"/>
    <col min="9236" max="9236" width="7.125" style="223" customWidth="1"/>
    <col min="9237" max="9237" width="3.875" style="223" customWidth="1"/>
    <col min="9238" max="9238" width="4" style="223"/>
    <col min="9239" max="9239" width="2.25" style="223" customWidth="1"/>
    <col min="9240" max="9240" width="4.625" style="223" customWidth="1"/>
    <col min="9241" max="9241" width="2.375" style="223" customWidth="1"/>
    <col min="9242" max="9242" width="1.5" style="223" customWidth="1"/>
    <col min="9243" max="9472" width="4" style="223"/>
    <col min="9473" max="9473" width="1.5" style="223" customWidth="1"/>
    <col min="9474" max="9474" width="2.375" style="223" customWidth="1"/>
    <col min="9475" max="9475" width="1.125" style="223" customWidth="1"/>
    <col min="9476" max="9491" width="4" style="223"/>
    <col min="9492" max="9492" width="7.125" style="223" customWidth="1"/>
    <col min="9493" max="9493" width="3.875" style="223" customWidth="1"/>
    <col min="9494" max="9494" width="4" style="223"/>
    <col min="9495" max="9495" width="2.25" style="223" customWidth="1"/>
    <col min="9496" max="9496" width="4.625" style="223" customWidth="1"/>
    <col min="9497" max="9497" width="2.375" style="223" customWidth="1"/>
    <col min="9498" max="9498" width="1.5" style="223" customWidth="1"/>
    <col min="9499" max="9728" width="4" style="223"/>
    <col min="9729" max="9729" width="1.5" style="223" customWidth="1"/>
    <col min="9730" max="9730" width="2.375" style="223" customWidth="1"/>
    <col min="9731" max="9731" width="1.125" style="223" customWidth="1"/>
    <col min="9732" max="9747" width="4" style="223"/>
    <col min="9748" max="9748" width="7.125" style="223" customWidth="1"/>
    <col min="9749" max="9749" width="3.875" style="223" customWidth="1"/>
    <col min="9750" max="9750" width="4" style="223"/>
    <col min="9751" max="9751" width="2.25" style="223" customWidth="1"/>
    <col min="9752" max="9752" width="4.625" style="223" customWidth="1"/>
    <col min="9753" max="9753" width="2.375" style="223" customWidth="1"/>
    <col min="9754" max="9754" width="1.5" style="223" customWidth="1"/>
    <col min="9755" max="9984" width="4" style="223"/>
    <col min="9985" max="9985" width="1.5" style="223" customWidth="1"/>
    <col min="9986" max="9986" width="2.375" style="223" customWidth="1"/>
    <col min="9987" max="9987" width="1.125" style="223" customWidth="1"/>
    <col min="9988" max="10003" width="4" style="223"/>
    <col min="10004" max="10004" width="7.125" style="223" customWidth="1"/>
    <col min="10005" max="10005" width="3.875" style="223" customWidth="1"/>
    <col min="10006" max="10006" width="4" style="223"/>
    <col min="10007" max="10007" width="2.25" style="223" customWidth="1"/>
    <col min="10008" max="10008" width="4.625" style="223" customWidth="1"/>
    <col min="10009" max="10009" width="2.375" style="223" customWidth="1"/>
    <col min="10010" max="10010" width="1.5" style="223" customWidth="1"/>
    <col min="10011" max="10240" width="4" style="223"/>
    <col min="10241" max="10241" width="1.5" style="223" customWidth="1"/>
    <col min="10242" max="10242" width="2.375" style="223" customWidth="1"/>
    <col min="10243" max="10243" width="1.125" style="223" customWidth="1"/>
    <col min="10244" max="10259" width="4" style="223"/>
    <col min="10260" max="10260" width="7.125" style="223" customWidth="1"/>
    <col min="10261" max="10261" width="3.875" style="223" customWidth="1"/>
    <col min="10262" max="10262" width="4" style="223"/>
    <col min="10263" max="10263" width="2.25" style="223" customWidth="1"/>
    <col min="10264" max="10264" width="4.625" style="223" customWidth="1"/>
    <col min="10265" max="10265" width="2.375" style="223" customWidth="1"/>
    <col min="10266" max="10266" width="1.5" style="223" customWidth="1"/>
    <col min="10267" max="10496" width="4" style="223"/>
    <col min="10497" max="10497" width="1.5" style="223" customWidth="1"/>
    <col min="10498" max="10498" width="2.375" style="223" customWidth="1"/>
    <col min="10499" max="10499" width="1.125" style="223" customWidth="1"/>
    <col min="10500" max="10515" width="4" style="223"/>
    <col min="10516" max="10516" width="7.125" style="223" customWidth="1"/>
    <col min="10517" max="10517" width="3.875" style="223" customWidth="1"/>
    <col min="10518" max="10518" width="4" style="223"/>
    <col min="10519" max="10519" width="2.25" style="223" customWidth="1"/>
    <col min="10520" max="10520" width="4.625" style="223" customWidth="1"/>
    <col min="10521" max="10521" width="2.375" style="223" customWidth="1"/>
    <col min="10522" max="10522" width="1.5" style="223" customWidth="1"/>
    <col min="10523" max="10752" width="4" style="223"/>
    <col min="10753" max="10753" width="1.5" style="223" customWidth="1"/>
    <col min="10754" max="10754" width="2.375" style="223" customWidth="1"/>
    <col min="10755" max="10755" width="1.125" style="223" customWidth="1"/>
    <col min="10756" max="10771" width="4" style="223"/>
    <col min="10772" max="10772" width="7.125" style="223" customWidth="1"/>
    <col min="10773" max="10773" width="3.875" style="223" customWidth="1"/>
    <col min="10774" max="10774" width="4" style="223"/>
    <col min="10775" max="10775" width="2.25" style="223" customWidth="1"/>
    <col min="10776" max="10776" width="4.625" style="223" customWidth="1"/>
    <col min="10777" max="10777" width="2.375" style="223" customWidth="1"/>
    <col min="10778" max="10778" width="1.5" style="223" customWidth="1"/>
    <col min="10779" max="11008" width="4" style="223"/>
    <col min="11009" max="11009" width="1.5" style="223" customWidth="1"/>
    <col min="11010" max="11010" width="2.375" style="223" customWidth="1"/>
    <col min="11011" max="11011" width="1.125" style="223" customWidth="1"/>
    <col min="11012" max="11027" width="4" style="223"/>
    <col min="11028" max="11028" width="7.125" style="223" customWidth="1"/>
    <col min="11029" max="11029" width="3.875" style="223" customWidth="1"/>
    <col min="11030" max="11030" width="4" style="223"/>
    <col min="11031" max="11031" width="2.25" style="223" customWidth="1"/>
    <col min="11032" max="11032" width="4.625" style="223" customWidth="1"/>
    <col min="11033" max="11033" width="2.375" style="223" customWidth="1"/>
    <col min="11034" max="11034" width="1.5" style="223" customWidth="1"/>
    <col min="11035" max="11264" width="4" style="223"/>
    <col min="11265" max="11265" width="1.5" style="223" customWidth="1"/>
    <col min="11266" max="11266" width="2.375" style="223" customWidth="1"/>
    <col min="11267" max="11267" width="1.125" style="223" customWidth="1"/>
    <col min="11268" max="11283" width="4" style="223"/>
    <col min="11284" max="11284" width="7.125" style="223" customWidth="1"/>
    <col min="11285" max="11285" width="3.875" style="223" customWidth="1"/>
    <col min="11286" max="11286" width="4" style="223"/>
    <col min="11287" max="11287" width="2.25" style="223" customWidth="1"/>
    <col min="11288" max="11288" width="4.625" style="223" customWidth="1"/>
    <col min="11289" max="11289" width="2.375" style="223" customWidth="1"/>
    <col min="11290" max="11290" width="1.5" style="223" customWidth="1"/>
    <col min="11291" max="11520" width="4" style="223"/>
    <col min="11521" max="11521" width="1.5" style="223" customWidth="1"/>
    <col min="11522" max="11522" width="2.375" style="223" customWidth="1"/>
    <col min="11523" max="11523" width="1.125" style="223" customWidth="1"/>
    <col min="11524" max="11539" width="4" style="223"/>
    <col min="11540" max="11540" width="7.125" style="223" customWidth="1"/>
    <col min="11541" max="11541" width="3.875" style="223" customWidth="1"/>
    <col min="11542" max="11542" width="4" style="223"/>
    <col min="11543" max="11543" width="2.25" style="223" customWidth="1"/>
    <col min="11544" max="11544" width="4.625" style="223" customWidth="1"/>
    <col min="11545" max="11545" width="2.375" style="223" customWidth="1"/>
    <col min="11546" max="11546" width="1.5" style="223" customWidth="1"/>
    <col min="11547" max="11776" width="4" style="223"/>
    <col min="11777" max="11777" width="1.5" style="223" customWidth="1"/>
    <col min="11778" max="11778" width="2.375" style="223" customWidth="1"/>
    <col min="11779" max="11779" width="1.125" style="223" customWidth="1"/>
    <col min="11780" max="11795" width="4" style="223"/>
    <col min="11796" max="11796" width="7.125" style="223" customWidth="1"/>
    <col min="11797" max="11797" width="3.875" style="223" customWidth="1"/>
    <col min="11798" max="11798" width="4" style="223"/>
    <col min="11799" max="11799" width="2.25" style="223" customWidth="1"/>
    <col min="11800" max="11800" width="4.625" style="223" customWidth="1"/>
    <col min="11801" max="11801" width="2.375" style="223" customWidth="1"/>
    <col min="11802" max="11802" width="1.5" style="223" customWidth="1"/>
    <col min="11803" max="12032" width="4" style="223"/>
    <col min="12033" max="12033" width="1.5" style="223" customWidth="1"/>
    <col min="12034" max="12034" width="2.375" style="223" customWidth="1"/>
    <col min="12035" max="12035" width="1.125" style="223" customWidth="1"/>
    <col min="12036" max="12051" width="4" style="223"/>
    <col min="12052" max="12052" width="7.125" style="223" customWidth="1"/>
    <col min="12053" max="12053" width="3.875" style="223" customWidth="1"/>
    <col min="12054" max="12054" width="4" style="223"/>
    <col min="12055" max="12055" width="2.25" style="223" customWidth="1"/>
    <col min="12056" max="12056" width="4.625" style="223" customWidth="1"/>
    <col min="12057" max="12057" width="2.375" style="223" customWidth="1"/>
    <col min="12058" max="12058" width="1.5" style="223" customWidth="1"/>
    <col min="12059" max="12288" width="4" style="223"/>
    <col min="12289" max="12289" width="1.5" style="223" customWidth="1"/>
    <col min="12290" max="12290" width="2.375" style="223" customWidth="1"/>
    <col min="12291" max="12291" width="1.125" style="223" customWidth="1"/>
    <col min="12292" max="12307" width="4" style="223"/>
    <col min="12308" max="12308" width="7.125" style="223" customWidth="1"/>
    <col min="12309" max="12309" width="3.875" style="223" customWidth="1"/>
    <col min="12310" max="12310" width="4" style="223"/>
    <col min="12311" max="12311" width="2.25" style="223" customWidth="1"/>
    <col min="12312" max="12312" width="4.625" style="223" customWidth="1"/>
    <col min="12313" max="12313" width="2.375" style="223" customWidth="1"/>
    <col min="12314" max="12314" width="1.5" style="223" customWidth="1"/>
    <col min="12315" max="12544" width="4" style="223"/>
    <col min="12545" max="12545" width="1.5" style="223" customWidth="1"/>
    <col min="12546" max="12546" width="2.375" style="223" customWidth="1"/>
    <col min="12547" max="12547" width="1.125" style="223" customWidth="1"/>
    <col min="12548" max="12563" width="4" style="223"/>
    <col min="12564" max="12564" width="7.125" style="223" customWidth="1"/>
    <col min="12565" max="12565" width="3.875" style="223" customWidth="1"/>
    <col min="12566" max="12566" width="4" style="223"/>
    <col min="12567" max="12567" width="2.25" style="223" customWidth="1"/>
    <col min="12568" max="12568" width="4.625" style="223" customWidth="1"/>
    <col min="12569" max="12569" width="2.375" style="223" customWidth="1"/>
    <col min="12570" max="12570" width="1.5" style="223" customWidth="1"/>
    <col min="12571" max="12800" width="4" style="223"/>
    <col min="12801" max="12801" width="1.5" style="223" customWidth="1"/>
    <col min="12802" max="12802" width="2.375" style="223" customWidth="1"/>
    <col min="12803" max="12803" width="1.125" style="223" customWidth="1"/>
    <col min="12804" max="12819" width="4" style="223"/>
    <col min="12820" max="12820" width="7.125" style="223" customWidth="1"/>
    <col min="12821" max="12821" width="3.875" style="223" customWidth="1"/>
    <col min="12822" max="12822" width="4" style="223"/>
    <col min="12823" max="12823" width="2.25" style="223" customWidth="1"/>
    <col min="12824" max="12824" width="4.625" style="223" customWidth="1"/>
    <col min="12825" max="12825" width="2.375" style="223" customWidth="1"/>
    <col min="12826" max="12826" width="1.5" style="223" customWidth="1"/>
    <col min="12827" max="13056" width="4" style="223"/>
    <col min="13057" max="13057" width="1.5" style="223" customWidth="1"/>
    <col min="13058" max="13058" width="2.375" style="223" customWidth="1"/>
    <col min="13059" max="13059" width="1.125" style="223" customWidth="1"/>
    <col min="13060" max="13075" width="4" style="223"/>
    <col min="13076" max="13076" width="7.125" style="223" customWidth="1"/>
    <col min="13077" max="13077" width="3.875" style="223" customWidth="1"/>
    <col min="13078" max="13078" width="4" style="223"/>
    <col min="13079" max="13079" width="2.25" style="223" customWidth="1"/>
    <col min="13080" max="13080" width="4.625" style="223" customWidth="1"/>
    <col min="13081" max="13081" width="2.375" style="223" customWidth="1"/>
    <col min="13082" max="13082" width="1.5" style="223" customWidth="1"/>
    <col min="13083" max="13312" width="4" style="223"/>
    <col min="13313" max="13313" width="1.5" style="223" customWidth="1"/>
    <col min="13314" max="13314" width="2.375" style="223" customWidth="1"/>
    <col min="13315" max="13315" width="1.125" style="223" customWidth="1"/>
    <col min="13316" max="13331" width="4" style="223"/>
    <col min="13332" max="13332" width="7.125" style="223" customWidth="1"/>
    <col min="13333" max="13333" width="3.875" style="223" customWidth="1"/>
    <col min="13334" max="13334" width="4" style="223"/>
    <col min="13335" max="13335" width="2.25" style="223" customWidth="1"/>
    <col min="13336" max="13336" width="4.625" style="223" customWidth="1"/>
    <col min="13337" max="13337" width="2.375" style="223" customWidth="1"/>
    <col min="13338" max="13338" width="1.5" style="223" customWidth="1"/>
    <col min="13339" max="13568" width="4" style="223"/>
    <col min="13569" max="13569" width="1.5" style="223" customWidth="1"/>
    <col min="13570" max="13570" width="2.375" style="223" customWidth="1"/>
    <col min="13571" max="13571" width="1.125" style="223" customWidth="1"/>
    <col min="13572" max="13587" width="4" style="223"/>
    <col min="13588" max="13588" width="7.125" style="223" customWidth="1"/>
    <col min="13589" max="13589" width="3.875" style="223" customWidth="1"/>
    <col min="13590" max="13590" width="4" style="223"/>
    <col min="13591" max="13591" width="2.25" style="223" customWidth="1"/>
    <col min="13592" max="13592" width="4.625" style="223" customWidth="1"/>
    <col min="13593" max="13593" width="2.375" style="223" customWidth="1"/>
    <col min="13594" max="13594" width="1.5" style="223" customWidth="1"/>
    <col min="13595" max="13824" width="4" style="223"/>
    <col min="13825" max="13825" width="1.5" style="223" customWidth="1"/>
    <col min="13826" max="13826" width="2.375" style="223" customWidth="1"/>
    <col min="13827" max="13827" width="1.125" style="223" customWidth="1"/>
    <col min="13828" max="13843" width="4" style="223"/>
    <col min="13844" max="13844" width="7.125" style="223" customWidth="1"/>
    <col min="13845" max="13845" width="3.875" style="223" customWidth="1"/>
    <col min="13846" max="13846" width="4" style="223"/>
    <col min="13847" max="13847" width="2.25" style="223" customWidth="1"/>
    <col min="13848" max="13848" width="4.625" style="223" customWidth="1"/>
    <col min="13849" max="13849" width="2.375" style="223" customWidth="1"/>
    <col min="13850" max="13850" width="1.5" style="223" customWidth="1"/>
    <col min="13851" max="14080" width="4" style="223"/>
    <col min="14081" max="14081" width="1.5" style="223" customWidth="1"/>
    <col min="14082" max="14082" width="2.375" style="223" customWidth="1"/>
    <col min="14083" max="14083" width="1.125" style="223" customWidth="1"/>
    <col min="14084" max="14099" width="4" style="223"/>
    <col min="14100" max="14100" width="7.125" style="223" customWidth="1"/>
    <col min="14101" max="14101" width="3.875" style="223" customWidth="1"/>
    <col min="14102" max="14102" width="4" style="223"/>
    <col min="14103" max="14103" width="2.25" style="223" customWidth="1"/>
    <col min="14104" max="14104" width="4.625" style="223" customWidth="1"/>
    <col min="14105" max="14105" width="2.375" style="223" customWidth="1"/>
    <col min="14106" max="14106" width="1.5" style="223" customWidth="1"/>
    <col min="14107" max="14336" width="4" style="223"/>
    <col min="14337" max="14337" width="1.5" style="223" customWidth="1"/>
    <col min="14338" max="14338" width="2.375" style="223" customWidth="1"/>
    <col min="14339" max="14339" width="1.125" style="223" customWidth="1"/>
    <col min="14340" max="14355" width="4" style="223"/>
    <col min="14356" max="14356" width="7.125" style="223" customWidth="1"/>
    <col min="14357" max="14357" width="3.875" style="223" customWidth="1"/>
    <col min="14358" max="14358" width="4" style="223"/>
    <col min="14359" max="14359" width="2.25" style="223" customWidth="1"/>
    <col min="14360" max="14360" width="4.625" style="223" customWidth="1"/>
    <col min="14361" max="14361" width="2.375" style="223" customWidth="1"/>
    <col min="14362" max="14362" width="1.5" style="223" customWidth="1"/>
    <col min="14363" max="14592" width="4" style="223"/>
    <col min="14593" max="14593" width="1.5" style="223" customWidth="1"/>
    <col min="14594" max="14594" width="2.375" style="223" customWidth="1"/>
    <col min="14595" max="14595" width="1.125" style="223" customWidth="1"/>
    <col min="14596" max="14611" width="4" style="223"/>
    <col min="14612" max="14612" width="7.125" style="223" customWidth="1"/>
    <col min="14613" max="14613" width="3.875" style="223" customWidth="1"/>
    <col min="14614" max="14614" width="4" style="223"/>
    <col min="14615" max="14615" width="2.25" style="223" customWidth="1"/>
    <col min="14616" max="14616" width="4.625" style="223" customWidth="1"/>
    <col min="14617" max="14617" width="2.375" style="223" customWidth="1"/>
    <col min="14618" max="14618" width="1.5" style="223" customWidth="1"/>
    <col min="14619" max="14848" width="4" style="223"/>
    <col min="14849" max="14849" width="1.5" style="223" customWidth="1"/>
    <col min="14850" max="14850" width="2.375" style="223" customWidth="1"/>
    <col min="14851" max="14851" width="1.125" style="223" customWidth="1"/>
    <col min="14852" max="14867" width="4" style="223"/>
    <col min="14868" max="14868" width="7.125" style="223" customWidth="1"/>
    <col min="14869" max="14869" width="3.875" style="223" customWidth="1"/>
    <col min="14870" max="14870" width="4" style="223"/>
    <col min="14871" max="14871" width="2.25" style="223" customWidth="1"/>
    <col min="14872" max="14872" width="4.625" style="223" customWidth="1"/>
    <col min="14873" max="14873" width="2.375" style="223" customWidth="1"/>
    <col min="14874" max="14874" width="1.5" style="223" customWidth="1"/>
    <col min="14875" max="15104" width="4" style="223"/>
    <col min="15105" max="15105" width="1.5" style="223" customWidth="1"/>
    <col min="15106" max="15106" width="2.375" style="223" customWidth="1"/>
    <col min="15107" max="15107" width="1.125" style="223" customWidth="1"/>
    <col min="15108" max="15123" width="4" style="223"/>
    <col min="15124" max="15124" width="7.125" style="223" customWidth="1"/>
    <col min="15125" max="15125" width="3.875" style="223" customWidth="1"/>
    <col min="15126" max="15126" width="4" style="223"/>
    <col min="15127" max="15127" width="2.25" style="223" customWidth="1"/>
    <col min="15128" max="15128" width="4.625" style="223" customWidth="1"/>
    <col min="15129" max="15129" width="2.375" style="223" customWidth="1"/>
    <col min="15130" max="15130" width="1.5" style="223" customWidth="1"/>
    <col min="15131" max="15360" width="4" style="223"/>
    <col min="15361" max="15361" width="1.5" style="223" customWidth="1"/>
    <col min="15362" max="15362" width="2.375" style="223" customWidth="1"/>
    <col min="15363" max="15363" width="1.125" style="223" customWidth="1"/>
    <col min="15364" max="15379" width="4" style="223"/>
    <col min="15380" max="15380" width="7.125" style="223" customWidth="1"/>
    <col min="15381" max="15381" width="3.875" style="223" customWidth="1"/>
    <col min="15382" max="15382" width="4" style="223"/>
    <col min="15383" max="15383" width="2.25" style="223" customWidth="1"/>
    <col min="15384" max="15384" width="4.625" style="223" customWidth="1"/>
    <col min="15385" max="15385" width="2.375" style="223" customWidth="1"/>
    <col min="15386" max="15386" width="1.5" style="223" customWidth="1"/>
    <col min="15387" max="15616" width="4" style="223"/>
    <col min="15617" max="15617" width="1.5" style="223" customWidth="1"/>
    <col min="15618" max="15618" width="2.375" style="223" customWidth="1"/>
    <col min="15619" max="15619" width="1.125" style="223" customWidth="1"/>
    <col min="15620" max="15635" width="4" style="223"/>
    <col min="15636" max="15636" width="7.125" style="223" customWidth="1"/>
    <col min="15637" max="15637" width="3.875" style="223" customWidth="1"/>
    <col min="15638" max="15638" width="4" style="223"/>
    <col min="15639" max="15639" width="2.25" style="223" customWidth="1"/>
    <col min="15640" max="15640" width="4.625" style="223" customWidth="1"/>
    <col min="15641" max="15641" width="2.375" style="223" customWidth="1"/>
    <col min="15642" max="15642" width="1.5" style="223" customWidth="1"/>
    <col min="15643" max="15872" width="4" style="223"/>
    <col min="15873" max="15873" width="1.5" style="223" customWidth="1"/>
    <col min="15874" max="15874" width="2.375" style="223" customWidth="1"/>
    <col min="15875" max="15875" width="1.125" style="223" customWidth="1"/>
    <col min="15876" max="15891" width="4" style="223"/>
    <col min="15892" max="15892" width="7.125" style="223" customWidth="1"/>
    <col min="15893" max="15893" width="3.875" style="223" customWidth="1"/>
    <col min="15894" max="15894" width="4" style="223"/>
    <col min="15895" max="15895" width="2.25" style="223" customWidth="1"/>
    <col min="15896" max="15896" width="4.625" style="223" customWidth="1"/>
    <col min="15897" max="15897" width="2.375" style="223" customWidth="1"/>
    <col min="15898" max="15898" width="1.5" style="223" customWidth="1"/>
    <col min="15899" max="16128" width="4" style="223"/>
    <col min="16129" max="16129" width="1.5" style="223" customWidth="1"/>
    <col min="16130" max="16130" width="2.375" style="223" customWidth="1"/>
    <col min="16131" max="16131" width="1.125" style="223" customWidth="1"/>
    <col min="16132" max="16147" width="4" style="223"/>
    <col min="16148" max="16148" width="7.125" style="223" customWidth="1"/>
    <col min="16149" max="16149" width="3.875" style="223" customWidth="1"/>
    <col min="16150" max="16150" width="4" style="223"/>
    <col min="16151" max="16151" width="2.25" style="223" customWidth="1"/>
    <col min="16152" max="16152" width="4.625" style="223" customWidth="1"/>
    <col min="16153" max="16153" width="2.375" style="223" customWidth="1"/>
    <col min="16154" max="16154" width="1.5" style="223" customWidth="1"/>
    <col min="16155" max="16384" width="4" style="223"/>
  </cols>
  <sheetData>
    <row r="2" spans="2:25" x14ac:dyDescent="0.15">
      <c r="B2" s="223" t="s">
        <v>412</v>
      </c>
      <c r="C2" s="224"/>
      <c r="D2" s="224"/>
      <c r="E2" s="224"/>
      <c r="F2" s="224"/>
      <c r="G2" s="224"/>
      <c r="H2" s="224"/>
      <c r="I2" s="224"/>
      <c r="J2" s="224"/>
      <c r="K2" s="224"/>
      <c r="L2" s="224"/>
      <c r="M2" s="224"/>
      <c r="N2" s="224"/>
      <c r="O2" s="224"/>
      <c r="P2" s="224"/>
      <c r="Q2" s="224"/>
      <c r="R2" s="224"/>
      <c r="S2" s="224"/>
      <c r="T2" s="224"/>
      <c r="U2" s="224"/>
      <c r="V2" s="224"/>
      <c r="W2" s="224"/>
      <c r="X2" s="224"/>
      <c r="Y2" s="224"/>
    </row>
    <row r="4" spans="2:25" x14ac:dyDescent="0.15">
      <c r="B4" s="452" t="s">
        <v>413</v>
      </c>
      <c r="C4" s="452"/>
      <c r="D4" s="452"/>
      <c r="E4" s="452"/>
      <c r="F4" s="452"/>
      <c r="G4" s="452"/>
      <c r="H4" s="452"/>
      <c r="I4" s="452"/>
      <c r="J4" s="452"/>
      <c r="K4" s="452"/>
      <c r="L4" s="452"/>
      <c r="M4" s="452"/>
      <c r="N4" s="452"/>
      <c r="O4" s="452"/>
      <c r="P4" s="452"/>
      <c r="Q4" s="452"/>
      <c r="R4" s="452"/>
      <c r="S4" s="452"/>
      <c r="T4" s="452"/>
      <c r="U4" s="452"/>
      <c r="V4" s="452"/>
      <c r="W4" s="452"/>
      <c r="X4" s="452"/>
      <c r="Y4" s="452"/>
    </row>
    <row r="6" spans="2:25" ht="23.25" customHeight="1" x14ac:dyDescent="0.15">
      <c r="B6" s="425" t="s">
        <v>15</v>
      </c>
      <c r="C6" s="425"/>
      <c r="D6" s="425"/>
      <c r="E6" s="425"/>
      <c r="F6" s="425"/>
      <c r="G6" s="426"/>
      <c r="H6" s="427"/>
      <c r="I6" s="427"/>
      <c r="J6" s="427"/>
      <c r="K6" s="427"/>
      <c r="L6" s="427"/>
      <c r="M6" s="427"/>
      <c r="N6" s="427"/>
      <c r="O6" s="427"/>
      <c r="P6" s="427"/>
      <c r="Q6" s="427"/>
      <c r="R6" s="427"/>
      <c r="S6" s="427"/>
      <c r="T6" s="427"/>
      <c r="U6" s="427"/>
      <c r="V6" s="427"/>
      <c r="W6" s="427"/>
      <c r="X6" s="427"/>
      <c r="Y6" s="428"/>
    </row>
    <row r="7" spans="2:25" ht="23.25" customHeight="1" x14ac:dyDescent="0.15">
      <c r="B7" s="425" t="s">
        <v>16</v>
      </c>
      <c r="C7" s="425"/>
      <c r="D7" s="425"/>
      <c r="E7" s="425"/>
      <c r="F7" s="425"/>
      <c r="G7" s="225" t="s">
        <v>0</v>
      </c>
      <c r="H7" s="226" t="s">
        <v>17</v>
      </c>
      <c r="I7" s="226"/>
      <c r="J7" s="226"/>
      <c r="K7" s="226"/>
      <c r="L7" s="227" t="s">
        <v>0</v>
      </c>
      <c r="M7" s="226" t="s">
        <v>18</v>
      </c>
      <c r="N7" s="226"/>
      <c r="O7" s="226"/>
      <c r="P7" s="226"/>
      <c r="Q7" s="227" t="s">
        <v>0</v>
      </c>
      <c r="R7" s="226" t="s">
        <v>19</v>
      </c>
      <c r="S7" s="226"/>
      <c r="T7" s="226"/>
      <c r="U7" s="226"/>
      <c r="V7" s="226"/>
      <c r="W7" s="228"/>
      <c r="X7" s="228"/>
      <c r="Y7" s="229"/>
    </row>
    <row r="8" spans="2:25" ht="20.100000000000001" customHeight="1" x14ac:dyDescent="0.15">
      <c r="B8" s="429" t="s">
        <v>305</v>
      </c>
      <c r="C8" s="430"/>
      <c r="D8" s="430"/>
      <c r="E8" s="430"/>
      <c r="F8" s="431"/>
      <c r="G8" s="227" t="s">
        <v>0</v>
      </c>
      <c r="H8" s="230" t="s">
        <v>414</v>
      </c>
      <c r="I8" s="231"/>
      <c r="J8" s="231"/>
      <c r="K8" s="231"/>
      <c r="L8" s="231"/>
      <c r="M8" s="231"/>
      <c r="N8" s="231"/>
      <c r="O8" s="231"/>
      <c r="P8" s="231"/>
      <c r="Q8" s="231"/>
      <c r="R8" s="231"/>
      <c r="S8" s="231"/>
      <c r="T8" s="231"/>
      <c r="U8" s="231"/>
      <c r="V8" s="231"/>
      <c r="W8" s="231"/>
      <c r="X8" s="231"/>
      <c r="Y8" s="232"/>
    </row>
    <row r="9" spans="2:25" ht="20.100000000000001" customHeight="1" x14ac:dyDescent="0.15">
      <c r="B9" s="432"/>
      <c r="C9" s="424"/>
      <c r="D9" s="424"/>
      <c r="E9" s="424"/>
      <c r="F9" s="433"/>
      <c r="G9" s="227" t="s">
        <v>0</v>
      </c>
      <c r="H9" s="223" t="s">
        <v>415</v>
      </c>
      <c r="I9" s="233"/>
      <c r="J9" s="233"/>
      <c r="K9" s="233"/>
      <c r="L9" s="233"/>
      <c r="M9" s="233"/>
      <c r="N9" s="233"/>
      <c r="O9" s="233"/>
      <c r="P9" s="233"/>
      <c r="Q9" s="233"/>
      <c r="R9" s="233"/>
      <c r="S9" s="233"/>
      <c r="T9" s="233"/>
      <c r="U9" s="233"/>
      <c r="V9" s="233"/>
      <c r="W9" s="233"/>
      <c r="X9" s="233"/>
      <c r="Y9" s="234"/>
    </row>
    <row r="10" spans="2:25" ht="20.100000000000001" customHeight="1" x14ac:dyDescent="0.15">
      <c r="B10" s="432"/>
      <c r="C10" s="424"/>
      <c r="D10" s="424"/>
      <c r="E10" s="424"/>
      <c r="F10" s="433"/>
      <c r="G10" s="227" t="s">
        <v>0</v>
      </c>
      <c r="H10" s="223" t="s">
        <v>416</v>
      </c>
      <c r="I10" s="233"/>
      <c r="J10" s="233"/>
      <c r="K10" s="233"/>
      <c r="L10" s="233"/>
      <c r="M10" s="233"/>
      <c r="N10" s="233"/>
      <c r="O10" s="233"/>
      <c r="P10" s="233"/>
      <c r="Q10" s="233"/>
      <c r="R10" s="233"/>
      <c r="S10" s="233"/>
      <c r="T10" s="233"/>
      <c r="U10" s="233"/>
      <c r="V10" s="233"/>
      <c r="W10" s="233"/>
      <c r="X10" s="233"/>
      <c r="Y10" s="234"/>
    </row>
    <row r="11" spans="2:25" ht="20.100000000000001" customHeight="1" x14ac:dyDescent="0.15">
      <c r="B11" s="434"/>
      <c r="C11" s="435"/>
      <c r="D11" s="435"/>
      <c r="E11" s="435"/>
      <c r="F11" s="436"/>
      <c r="G11" s="235" t="s">
        <v>0</v>
      </c>
      <c r="H11" s="236" t="s">
        <v>417</v>
      </c>
      <c r="I11" s="237"/>
      <c r="J11" s="237"/>
      <c r="K11" s="237"/>
      <c r="L11" s="237"/>
      <c r="M11" s="237"/>
      <c r="N11" s="237"/>
      <c r="O11" s="237"/>
      <c r="P11" s="237"/>
      <c r="Q11" s="237"/>
      <c r="R11" s="237"/>
      <c r="S11" s="237"/>
      <c r="T11" s="237"/>
      <c r="U11" s="237"/>
      <c r="V11" s="237"/>
      <c r="W11" s="237"/>
      <c r="X11" s="237"/>
      <c r="Y11" s="238"/>
    </row>
    <row r="12" spans="2:25" ht="20.100000000000001" customHeight="1" x14ac:dyDescent="0.15">
      <c r="B12" s="429" t="s">
        <v>27</v>
      </c>
      <c r="C12" s="430"/>
      <c r="D12" s="430"/>
      <c r="E12" s="430"/>
      <c r="F12" s="431"/>
      <c r="G12" s="227" t="s">
        <v>0</v>
      </c>
      <c r="H12" s="230" t="s">
        <v>418</v>
      </c>
      <c r="I12" s="231"/>
      <c r="J12" s="231"/>
      <c r="K12" s="231"/>
      <c r="L12" s="231"/>
      <c r="M12" s="231"/>
      <c r="N12" s="231"/>
      <c r="O12" s="231"/>
      <c r="P12" s="231"/>
      <c r="Q12" s="231"/>
      <c r="R12" s="231"/>
      <c r="S12" s="231"/>
      <c r="T12" s="231"/>
      <c r="U12" s="231"/>
      <c r="V12" s="231"/>
      <c r="W12" s="231"/>
      <c r="X12" s="231"/>
      <c r="Y12" s="232"/>
    </row>
    <row r="13" spans="2:25" ht="20.100000000000001" customHeight="1" x14ac:dyDescent="0.15">
      <c r="B13" s="432"/>
      <c r="C13" s="424"/>
      <c r="D13" s="424"/>
      <c r="E13" s="424"/>
      <c r="F13" s="433"/>
      <c r="G13" s="227" t="s">
        <v>0</v>
      </c>
      <c r="H13" s="223" t="s">
        <v>419</v>
      </c>
      <c r="I13" s="233"/>
      <c r="J13" s="233"/>
      <c r="K13" s="233"/>
      <c r="L13" s="233"/>
      <c r="M13" s="233"/>
      <c r="N13" s="233"/>
      <c r="O13" s="233"/>
      <c r="P13" s="233"/>
      <c r="Q13" s="233"/>
      <c r="R13" s="233"/>
      <c r="S13" s="233"/>
      <c r="T13" s="233"/>
      <c r="U13" s="233"/>
      <c r="V13" s="233"/>
      <c r="W13" s="233"/>
      <c r="X13" s="233"/>
      <c r="Y13" s="234"/>
    </row>
    <row r="14" spans="2:25" ht="20.100000000000001" customHeight="1" x14ac:dyDescent="0.15">
      <c r="B14" s="432"/>
      <c r="C14" s="424"/>
      <c r="D14" s="424"/>
      <c r="E14" s="424"/>
      <c r="F14" s="433"/>
      <c r="G14" s="227" t="s">
        <v>0</v>
      </c>
      <c r="H14" s="223" t="s">
        <v>420</v>
      </c>
      <c r="I14" s="233"/>
      <c r="J14" s="233"/>
      <c r="K14" s="233"/>
      <c r="L14" s="233"/>
      <c r="M14" s="233"/>
      <c r="N14" s="233"/>
      <c r="O14" s="233"/>
      <c r="P14" s="233"/>
      <c r="Q14" s="233"/>
      <c r="R14" s="233"/>
      <c r="S14" s="233"/>
      <c r="T14" s="233"/>
      <c r="U14" s="233"/>
      <c r="V14" s="233"/>
      <c r="W14" s="233"/>
      <c r="X14" s="233"/>
      <c r="Y14" s="234"/>
    </row>
    <row r="15" spans="2:25" ht="20.100000000000001" customHeight="1" x14ac:dyDescent="0.15">
      <c r="B15" s="434"/>
      <c r="C15" s="435"/>
      <c r="D15" s="435"/>
      <c r="E15" s="435"/>
      <c r="F15" s="436"/>
      <c r="G15" s="235" t="s">
        <v>0</v>
      </c>
      <c r="H15" s="236" t="s">
        <v>421</v>
      </c>
      <c r="I15" s="237"/>
      <c r="J15" s="237"/>
      <c r="K15" s="237"/>
      <c r="L15" s="237"/>
      <c r="M15" s="237"/>
      <c r="N15" s="237"/>
      <c r="O15" s="237"/>
      <c r="P15" s="237"/>
      <c r="Q15" s="237"/>
      <c r="R15" s="237"/>
      <c r="S15" s="237"/>
      <c r="T15" s="237"/>
      <c r="U15" s="237"/>
      <c r="V15" s="237"/>
      <c r="W15" s="237"/>
      <c r="X15" s="237"/>
      <c r="Y15" s="238"/>
    </row>
    <row r="17" spans="2:25" x14ac:dyDescent="0.15">
      <c r="B17" s="239"/>
      <c r="C17" s="230"/>
      <c r="D17" s="230"/>
      <c r="E17" s="230"/>
      <c r="F17" s="230"/>
      <c r="G17" s="230"/>
      <c r="H17" s="230"/>
      <c r="I17" s="230"/>
      <c r="J17" s="230"/>
      <c r="K17" s="230"/>
      <c r="L17" s="230"/>
      <c r="M17" s="230"/>
      <c r="N17" s="230"/>
      <c r="O17" s="230"/>
      <c r="P17" s="230"/>
      <c r="Q17" s="230"/>
      <c r="R17" s="230"/>
      <c r="S17" s="230"/>
      <c r="T17" s="230"/>
      <c r="U17" s="230"/>
      <c r="V17" s="230"/>
      <c r="W17" s="230"/>
      <c r="X17" s="230"/>
      <c r="Y17" s="240"/>
    </row>
    <row r="18" spans="2:25" x14ac:dyDescent="0.15">
      <c r="B18" s="241" t="s">
        <v>422</v>
      </c>
      <c r="Y18" s="242"/>
    </row>
    <row r="19" spans="2:25" x14ac:dyDescent="0.15">
      <c r="B19" s="241"/>
      <c r="Y19" s="242"/>
    </row>
    <row r="20" spans="2:25" x14ac:dyDescent="0.15">
      <c r="B20" s="241"/>
      <c r="C20" s="223" t="s">
        <v>423</v>
      </c>
      <c r="K20" s="424"/>
      <c r="L20" s="424"/>
      <c r="M20" s="223" t="s">
        <v>424</v>
      </c>
      <c r="Y20" s="242"/>
    </row>
    <row r="21" spans="2:25" ht="6.75" customHeight="1" x14ac:dyDescent="0.15">
      <c r="B21" s="241"/>
      <c r="Y21" s="242"/>
    </row>
    <row r="22" spans="2:25" ht="21" customHeight="1" x14ac:dyDescent="0.15">
      <c r="B22" s="241"/>
      <c r="D22" s="439" t="s">
        <v>425</v>
      </c>
      <c r="E22" s="437"/>
      <c r="F22" s="437"/>
      <c r="G22" s="437"/>
      <c r="H22" s="438"/>
      <c r="I22" s="426"/>
      <c r="J22" s="427"/>
      <c r="K22" s="427"/>
      <c r="L22" s="427"/>
      <c r="M22" s="243" t="s">
        <v>426</v>
      </c>
      <c r="N22" s="244" t="s">
        <v>427</v>
      </c>
      <c r="O22" s="228"/>
      <c r="P22" s="437"/>
      <c r="Q22" s="437"/>
      <c r="R22" s="243" t="s">
        <v>426</v>
      </c>
      <c r="S22" s="244" t="s">
        <v>428</v>
      </c>
      <c r="T22" s="228"/>
      <c r="U22" s="228"/>
      <c r="V22" s="437"/>
      <c r="W22" s="437"/>
      <c r="X22" s="243" t="s">
        <v>426</v>
      </c>
      <c r="Y22" s="242"/>
    </row>
    <row r="23" spans="2:25" ht="21" customHeight="1" x14ac:dyDescent="0.15">
      <c r="B23" s="241"/>
      <c r="D23" s="439" t="s">
        <v>429</v>
      </c>
      <c r="E23" s="437"/>
      <c r="F23" s="437"/>
      <c r="G23" s="437"/>
      <c r="H23" s="438"/>
      <c r="I23" s="439"/>
      <c r="J23" s="437"/>
      <c r="K23" s="437"/>
      <c r="L23" s="437"/>
      <c r="M23" s="243" t="s">
        <v>426</v>
      </c>
      <c r="N23" s="244" t="s">
        <v>427</v>
      </c>
      <c r="O23" s="228"/>
      <c r="P23" s="437"/>
      <c r="Q23" s="437"/>
      <c r="R23" s="243" t="s">
        <v>426</v>
      </c>
      <c r="S23" s="244" t="s">
        <v>428</v>
      </c>
      <c r="T23" s="228"/>
      <c r="U23" s="228"/>
      <c r="V23" s="437"/>
      <c r="W23" s="437"/>
      <c r="X23" s="243" t="s">
        <v>426</v>
      </c>
      <c r="Y23" s="242"/>
    </row>
    <row r="24" spans="2:25" ht="15.75" customHeight="1" x14ac:dyDescent="0.15">
      <c r="B24" s="241"/>
      <c r="D24" s="443" t="s">
        <v>430</v>
      </c>
      <c r="E24" s="444"/>
      <c r="F24" s="444"/>
      <c r="G24" s="444"/>
      <c r="H24" s="444"/>
      <c r="I24" s="444"/>
      <c r="J24" s="444"/>
      <c r="K24" s="444"/>
      <c r="L24" s="444"/>
      <c r="M24" s="444"/>
      <c r="N24" s="444"/>
      <c r="O24" s="444"/>
      <c r="P24" s="444"/>
      <c r="Q24" s="444"/>
      <c r="R24" s="444"/>
      <c r="S24" s="444"/>
      <c r="T24" s="444"/>
      <c r="U24" s="445"/>
      <c r="V24" s="245" t="s">
        <v>20</v>
      </c>
      <c r="W24" s="246" t="s">
        <v>431</v>
      </c>
      <c r="X24" s="247" t="s">
        <v>21</v>
      </c>
      <c r="Y24" s="242"/>
    </row>
    <row r="25" spans="2:25" ht="30.75" customHeight="1" x14ac:dyDescent="0.15">
      <c r="B25" s="241"/>
      <c r="D25" s="446"/>
      <c r="E25" s="447"/>
      <c r="F25" s="447"/>
      <c r="G25" s="447"/>
      <c r="H25" s="447"/>
      <c r="I25" s="447"/>
      <c r="J25" s="447"/>
      <c r="K25" s="447"/>
      <c r="L25" s="447"/>
      <c r="M25" s="447"/>
      <c r="N25" s="447"/>
      <c r="O25" s="447"/>
      <c r="P25" s="447"/>
      <c r="Q25" s="447"/>
      <c r="R25" s="447"/>
      <c r="S25" s="447"/>
      <c r="T25" s="447"/>
      <c r="U25" s="448"/>
      <c r="V25" s="225" t="s">
        <v>0</v>
      </c>
      <c r="W25" s="248" t="s">
        <v>432</v>
      </c>
      <c r="X25" s="243" t="s">
        <v>0</v>
      </c>
      <c r="Y25" s="242"/>
    </row>
    <row r="26" spans="2:25" ht="17.25" customHeight="1" x14ac:dyDescent="0.15">
      <c r="B26" s="241"/>
      <c r="D26" s="449" t="s">
        <v>433</v>
      </c>
      <c r="E26" s="450"/>
      <c r="F26" s="450"/>
      <c r="G26" s="450"/>
      <c r="H26" s="450"/>
      <c r="I26" s="450"/>
      <c r="J26" s="450"/>
      <c r="K26" s="450"/>
      <c r="L26" s="450"/>
      <c r="M26" s="450"/>
      <c r="N26" s="450"/>
      <c r="O26" s="450"/>
      <c r="P26" s="450"/>
      <c r="Q26" s="450"/>
      <c r="R26" s="450"/>
      <c r="S26" s="450"/>
      <c r="T26" s="450"/>
      <c r="U26" s="450"/>
      <c r="V26" s="450"/>
      <c r="W26" s="450"/>
      <c r="X26" s="451"/>
      <c r="Y26" s="242"/>
    </row>
    <row r="27" spans="2:25" ht="21" customHeight="1" x14ac:dyDescent="0.15">
      <c r="B27" s="241"/>
      <c r="D27" s="439" t="s">
        <v>434</v>
      </c>
      <c r="E27" s="437"/>
      <c r="F27" s="437"/>
      <c r="G27" s="437"/>
      <c r="H27" s="438"/>
      <c r="I27" s="439"/>
      <c r="J27" s="437"/>
      <c r="K27" s="437"/>
      <c r="L27" s="437"/>
      <c r="M27" s="243" t="s">
        <v>426</v>
      </c>
      <c r="N27" s="244" t="s">
        <v>427</v>
      </c>
      <c r="O27" s="228"/>
      <c r="P27" s="437"/>
      <c r="Q27" s="437"/>
      <c r="R27" s="243" t="s">
        <v>426</v>
      </c>
      <c r="S27" s="244" t="s">
        <v>428</v>
      </c>
      <c r="T27" s="228"/>
      <c r="U27" s="228"/>
      <c r="V27" s="437"/>
      <c r="W27" s="437"/>
      <c r="X27" s="243" t="s">
        <v>426</v>
      </c>
      <c r="Y27" s="242"/>
    </row>
    <row r="28" spans="2:25" ht="21" customHeight="1" x14ac:dyDescent="0.15">
      <c r="B28" s="241"/>
      <c r="D28" s="439" t="s">
        <v>435</v>
      </c>
      <c r="E28" s="437"/>
      <c r="F28" s="437"/>
      <c r="G28" s="437"/>
      <c r="H28" s="438"/>
      <c r="I28" s="439"/>
      <c r="J28" s="437"/>
      <c r="K28" s="437"/>
      <c r="L28" s="437"/>
      <c r="M28" s="243" t="s">
        <v>426</v>
      </c>
      <c r="N28" s="244" t="s">
        <v>427</v>
      </c>
      <c r="O28" s="228"/>
      <c r="P28" s="437"/>
      <c r="Q28" s="437"/>
      <c r="R28" s="243" t="s">
        <v>426</v>
      </c>
      <c r="S28" s="244" t="s">
        <v>428</v>
      </c>
      <c r="T28" s="228"/>
      <c r="U28" s="228"/>
      <c r="V28" s="437"/>
      <c r="W28" s="437"/>
      <c r="X28" s="243" t="s">
        <v>426</v>
      </c>
      <c r="Y28" s="242"/>
    </row>
    <row r="29" spans="2:25" ht="21" customHeight="1" x14ac:dyDescent="0.15">
      <c r="B29" s="241"/>
      <c r="D29" s="439" t="s">
        <v>436</v>
      </c>
      <c r="E29" s="437"/>
      <c r="F29" s="437"/>
      <c r="G29" s="437"/>
      <c r="H29" s="438"/>
      <c r="I29" s="439"/>
      <c r="J29" s="437"/>
      <c r="K29" s="437"/>
      <c r="L29" s="437"/>
      <c r="M29" s="243" t="s">
        <v>426</v>
      </c>
      <c r="N29" s="244" t="s">
        <v>427</v>
      </c>
      <c r="O29" s="228"/>
      <c r="P29" s="437"/>
      <c r="Q29" s="437"/>
      <c r="R29" s="243" t="s">
        <v>426</v>
      </c>
      <c r="S29" s="244" t="s">
        <v>428</v>
      </c>
      <c r="T29" s="228"/>
      <c r="U29" s="228"/>
      <c r="V29" s="437"/>
      <c r="W29" s="437"/>
      <c r="X29" s="243" t="s">
        <v>426</v>
      </c>
      <c r="Y29" s="242"/>
    </row>
    <row r="30" spans="2:25" ht="21" customHeight="1" x14ac:dyDescent="0.15">
      <c r="B30" s="241"/>
      <c r="D30" s="439" t="s">
        <v>437</v>
      </c>
      <c r="E30" s="437"/>
      <c r="F30" s="437"/>
      <c r="G30" s="437"/>
      <c r="H30" s="438"/>
      <c r="I30" s="439"/>
      <c r="J30" s="437"/>
      <c r="K30" s="437"/>
      <c r="L30" s="437"/>
      <c r="M30" s="243" t="s">
        <v>426</v>
      </c>
      <c r="N30" s="244" t="s">
        <v>427</v>
      </c>
      <c r="O30" s="228"/>
      <c r="P30" s="437"/>
      <c r="Q30" s="437"/>
      <c r="R30" s="243" t="s">
        <v>426</v>
      </c>
      <c r="S30" s="244" t="s">
        <v>428</v>
      </c>
      <c r="T30" s="228"/>
      <c r="U30" s="228"/>
      <c r="V30" s="437"/>
      <c r="W30" s="437"/>
      <c r="X30" s="243" t="s">
        <v>426</v>
      </c>
      <c r="Y30" s="242"/>
    </row>
    <row r="31" spans="2:25" ht="21" customHeight="1" x14ac:dyDescent="0.15">
      <c r="B31" s="241"/>
      <c r="D31" s="439" t="s">
        <v>438</v>
      </c>
      <c r="E31" s="437"/>
      <c r="F31" s="437"/>
      <c r="G31" s="437"/>
      <c r="H31" s="438"/>
      <c r="I31" s="439"/>
      <c r="J31" s="437"/>
      <c r="K31" s="437"/>
      <c r="L31" s="437"/>
      <c r="M31" s="243" t="s">
        <v>426</v>
      </c>
      <c r="N31" s="244" t="s">
        <v>427</v>
      </c>
      <c r="O31" s="228"/>
      <c r="P31" s="437"/>
      <c r="Q31" s="437"/>
      <c r="R31" s="243" t="s">
        <v>426</v>
      </c>
      <c r="S31" s="244" t="s">
        <v>428</v>
      </c>
      <c r="T31" s="228"/>
      <c r="U31" s="228"/>
      <c r="V31" s="437"/>
      <c r="W31" s="437"/>
      <c r="X31" s="243" t="s">
        <v>426</v>
      </c>
      <c r="Y31" s="242"/>
    </row>
    <row r="32" spans="2:25" ht="13.5" customHeight="1" x14ac:dyDescent="0.15">
      <c r="B32" s="241"/>
      <c r="D32" s="227"/>
      <c r="E32" s="227"/>
      <c r="F32" s="227"/>
      <c r="G32" s="227"/>
      <c r="H32" s="227"/>
      <c r="I32" s="227"/>
      <c r="J32" s="227"/>
      <c r="K32" s="227"/>
      <c r="L32" s="227"/>
      <c r="M32" s="227"/>
      <c r="P32" s="227"/>
      <c r="Q32" s="227"/>
      <c r="R32" s="227"/>
      <c r="V32" s="227"/>
      <c r="W32" s="227"/>
      <c r="X32" s="227"/>
      <c r="Y32" s="242"/>
    </row>
    <row r="33" spans="2:32" x14ac:dyDescent="0.15">
      <c r="B33" s="241"/>
      <c r="C33" s="223" t="s">
        <v>439</v>
      </c>
      <c r="Y33" s="242"/>
      <c r="Z33" s="224"/>
      <c r="AA33" s="224"/>
      <c r="AB33" s="224"/>
    </row>
    <row r="34" spans="2:32" ht="7.5" customHeight="1" x14ac:dyDescent="0.15">
      <c r="B34" s="241"/>
      <c r="Y34" s="242"/>
      <c r="Z34" s="224"/>
      <c r="AA34" s="224"/>
      <c r="AB34" s="224"/>
    </row>
    <row r="35" spans="2:32" ht="35.25" customHeight="1" x14ac:dyDescent="0.15">
      <c r="B35" s="241"/>
      <c r="D35" s="440"/>
      <c r="E35" s="441"/>
      <c r="F35" s="441"/>
      <c r="G35" s="441"/>
      <c r="H35" s="441"/>
      <c r="I35" s="441"/>
      <c r="J35" s="441"/>
      <c r="K35" s="441"/>
      <c r="L35" s="441"/>
      <c r="M35" s="441"/>
      <c r="N35" s="441"/>
      <c r="O35" s="441"/>
      <c r="P35" s="441"/>
      <c r="Q35" s="441"/>
      <c r="R35" s="441"/>
      <c r="S35" s="441"/>
      <c r="T35" s="441"/>
      <c r="U35" s="441"/>
      <c r="V35" s="441"/>
      <c r="W35" s="441"/>
      <c r="X35" s="442"/>
      <c r="Y35" s="242"/>
      <c r="Z35" s="224"/>
      <c r="AA35" s="224"/>
      <c r="AB35" s="224"/>
    </row>
    <row r="36" spans="2:32" ht="12" customHeight="1" x14ac:dyDescent="0.15">
      <c r="B36" s="241"/>
      <c r="Y36" s="242"/>
      <c r="Z36" s="224"/>
      <c r="AA36" s="224"/>
      <c r="AB36" s="224"/>
    </row>
    <row r="37" spans="2:32" x14ac:dyDescent="0.15">
      <c r="B37" s="241"/>
      <c r="C37" s="223" t="s">
        <v>440</v>
      </c>
      <c r="Y37" s="242"/>
      <c r="Z37" s="224"/>
      <c r="AA37" s="224"/>
      <c r="AB37" s="224"/>
    </row>
    <row r="38" spans="2:32" ht="6.75" customHeight="1" x14ac:dyDescent="0.15">
      <c r="B38" s="241"/>
      <c r="D38" s="236"/>
      <c r="E38" s="236"/>
      <c r="F38" s="236"/>
      <c r="G38" s="236"/>
      <c r="H38" s="236"/>
      <c r="I38" s="236"/>
      <c r="J38" s="236"/>
      <c r="K38" s="236"/>
      <c r="L38" s="236"/>
      <c r="M38" s="236"/>
      <c r="N38" s="236"/>
      <c r="O38" s="236"/>
      <c r="P38" s="236"/>
      <c r="Q38" s="236"/>
      <c r="R38" s="236"/>
      <c r="S38" s="236"/>
      <c r="T38" s="236"/>
      <c r="U38" s="236"/>
      <c r="V38" s="236"/>
      <c r="W38" s="236"/>
      <c r="X38" s="236"/>
      <c r="Y38" s="242"/>
      <c r="Z38" s="224"/>
      <c r="AA38" s="249"/>
      <c r="AB38" s="249"/>
      <c r="AC38" s="236"/>
      <c r="AD38" s="236"/>
      <c r="AE38" s="236"/>
      <c r="AF38" s="236"/>
    </row>
    <row r="39" spans="2:32" ht="23.25" customHeight="1" x14ac:dyDescent="0.15">
      <c r="B39" s="241"/>
      <c r="D39" s="250">
        <v>1</v>
      </c>
      <c r="E39" s="434"/>
      <c r="F39" s="435"/>
      <c r="G39" s="251" t="s">
        <v>441</v>
      </c>
      <c r="H39" s="435"/>
      <c r="I39" s="435"/>
      <c r="J39" s="251" t="s">
        <v>442</v>
      </c>
      <c r="K39" s="435"/>
      <c r="L39" s="435"/>
      <c r="M39" s="436"/>
      <c r="N39" s="250">
        <v>4</v>
      </c>
      <c r="O39" s="434"/>
      <c r="P39" s="435"/>
      <c r="Q39" s="251" t="s">
        <v>443</v>
      </c>
      <c r="R39" s="435"/>
      <c r="S39" s="435"/>
      <c r="T39" s="251" t="s">
        <v>444</v>
      </c>
      <c r="U39" s="251"/>
      <c r="V39" s="435"/>
      <c r="W39" s="435"/>
      <c r="X39" s="435"/>
      <c r="Y39" s="252"/>
      <c r="Z39" s="253"/>
      <c r="AA39" s="224"/>
      <c r="AB39" s="224"/>
    </row>
    <row r="40" spans="2:32" ht="23.25" customHeight="1" x14ac:dyDescent="0.15">
      <c r="B40" s="241"/>
      <c r="D40" s="254">
        <v>2</v>
      </c>
      <c r="E40" s="439"/>
      <c r="F40" s="437"/>
      <c r="G40" s="226" t="s">
        <v>445</v>
      </c>
      <c r="H40" s="437"/>
      <c r="I40" s="437"/>
      <c r="J40" s="226" t="s">
        <v>442</v>
      </c>
      <c r="K40" s="437"/>
      <c r="L40" s="437"/>
      <c r="M40" s="438"/>
      <c r="N40" s="254">
        <v>5</v>
      </c>
      <c r="O40" s="439"/>
      <c r="P40" s="437"/>
      <c r="Q40" s="226" t="s">
        <v>445</v>
      </c>
      <c r="R40" s="437"/>
      <c r="S40" s="437"/>
      <c r="T40" s="226" t="s">
        <v>446</v>
      </c>
      <c r="U40" s="226"/>
      <c r="V40" s="437"/>
      <c r="W40" s="437"/>
      <c r="X40" s="438"/>
      <c r="Y40" s="242"/>
      <c r="Z40" s="224"/>
      <c r="AA40" s="224"/>
      <c r="AB40" s="224"/>
    </row>
    <row r="41" spans="2:32" ht="23.25" customHeight="1" x14ac:dyDescent="0.15">
      <c r="B41" s="241"/>
      <c r="D41" s="254">
        <v>3</v>
      </c>
      <c r="E41" s="439"/>
      <c r="F41" s="437"/>
      <c r="G41" s="226" t="s">
        <v>443</v>
      </c>
      <c r="H41" s="437"/>
      <c r="I41" s="437"/>
      <c r="J41" s="226" t="s">
        <v>447</v>
      </c>
      <c r="K41" s="437"/>
      <c r="L41" s="437"/>
      <c r="M41" s="438"/>
      <c r="N41" s="254">
        <v>6</v>
      </c>
      <c r="O41" s="439"/>
      <c r="P41" s="437"/>
      <c r="Q41" s="226" t="s">
        <v>441</v>
      </c>
      <c r="R41" s="437"/>
      <c r="S41" s="437"/>
      <c r="T41" s="226" t="s">
        <v>447</v>
      </c>
      <c r="U41" s="226"/>
      <c r="V41" s="437"/>
      <c r="W41" s="437"/>
      <c r="X41" s="438"/>
      <c r="Y41" s="242"/>
      <c r="Z41" s="224"/>
      <c r="AA41" s="224"/>
      <c r="AB41" s="224"/>
    </row>
    <row r="42" spans="2:32" x14ac:dyDescent="0.15">
      <c r="B42" s="255"/>
      <c r="C42" s="236"/>
      <c r="D42" s="236"/>
      <c r="E42" s="236"/>
      <c r="F42" s="236"/>
      <c r="G42" s="236"/>
      <c r="H42" s="236"/>
      <c r="I42" s="236"/>
      <c r="J42" s="236"/>
      <c r="K42" s="236"/>
      <c r="L42" s="236"/>
      <c r="M42" s="236"/>
      <c r="N42" s="236"/>
      <c r="O42" s="236"/>
      <c r="P42" s="236"/>
      <c r="Q42" s="236"/>
      <c r="R42" s="236"/>
      <c r="S42" s="236"/>
      <c r="T42" s="236"/>
      <c r="U42" s="236"/>
      <c r="V42" s="236"/>
      <c r="W42" s="236"/>
      <c r="X42" s="236"/>
      <c r="Y42" s="256"/>
      <c r="Z42" s="224"/>
      <c r="AA42" s="224"/>
      <c r="AB42" s="224"/>
    </row>
    <row r="44" spans="2:32" x14ac:dyDescent="0.15">
      <c r="B44" s="239"/>
      <c r="C44" s="230"/>
      <c r="D44" s="230"/>
      <c r="E44" s="230"/>
      <c r="F44" s="230"/>
      <c r="G44" s="230"/>
      <c r="H44" s="230"/>
      <c r="I44" s="230"/>
      <c r="J44" s="230"/>
      <c r="K44" s="230"/>
      <c r="L44" s="230"/>
      <c r="M44" s="230"/>
      <c r="N44" s="230"/>
      <c r="O44" s="230"/>
      <c r="P44" s="230"/>
      <c r="Q44" s="230"/>
      <c r="R44" s="230"/>
      <c r="S44" s="230"/>
      <c r="T44" s="240"/>
      <c r="U44" s="230"/>
      <c r="V44" s="230"/>
      <c r="W44" s="230"/>
      <c r="X44" s="230"/>
      <c r="Y44" s="240"/>
      <c r="Z44" s="224"/>
      <c r="AA44" s="224"/>
      <c r="AB44" s="224"/>
    </row>
    <row r="45" spans="2:32" x14ac:dyDescent="0.15">
      <c r="B45" s="241" t="s">
        <v>448</v>
      </c>
      <c r="T45" s="242"/>
      <c r="V45" s="257" t="s">
        <v>20</v>
      </c>
      <c r="W45" s="257" t="s">
        <v>449</v>
      </c>
      <c r="X45" s="257" t="s">
        <v>21</v>
      </c>
      <c r="Y45" s="242"/>
      <c r="Z45" s="224"/>
      <c r="AA45" s="224"/>
      <c r="AB45" s="224"/>
    </row>
    <row r="46" spans="2:32" x14ac:dyDescent="0.15">
      <c r="B46" s="241"/>
      <c r="D46" s="223" t="s">
        <v>450</v>
      </c>
      <c r="T46" s="242"/>
      <c r="V46" s="257"/>
      <c r="W46" s="257"/>
      <c r="X46" s="257"/>
      <c r="Y46" s="242"/>
      <c r="Z46" s="224"/>
      <c r="AA46" s="224"/>
      <c r="AB46" s="224"/>
    </row>
    <row r="47" spans="2:32" ht="14.25" customHeight="1" x14ac:dyDescent="0.15">
      <c r="B47" s="241"/>
      <c r="T47" s="242"/>
      <c r="Y47" s="242"/>
      <c r="Z47" s="224"/>
      <c r="AA47" s="224"/>
      <c r="AB47" s="224"/>
    </row>
    <row r="48" spans="2:32" ht="17.25" customHeight="1" x14ac:dyDescent="0.15">
      <c r="B48" s="241"/>
      <c r="C48" s="223" t="s">
        <v>451</v>
      </c>
      <c r="T48" s="242"/>
      <c r="V48" s="227" t="s">
        <v>0</v>
      </c>
      <c r="W48" s="227" t="s">
        <v>388</v>
      </c>
      <c r="X48" s="227" t="s">
        <v>0</v>
      </c>
      <c r="Y48" s="258"/>
      <c r="AB48" s="223" t="s">
        <v>452</v>
      </c>
    </row>
    <row r="49" spans="2:25" x14ac:dyDescent="0.15">
      <c r="B49" s="241"/>
      <c r="D49" s="223" t="s">
        <v>453</v>
      </c>
      <c r="T49" s="242"/>
      <c r="V49" s="227"/>
      <c r="W49" s="227"/>
      <c r="X49" s="227"/>
      <c r="Y49" s="259"/>
    </row>
    <row r="50" spans="2:25" x14ac:dyDescent="0.15">
      <c r="B50" s="241"/>
      <c r="T50" s="242"/>
      <c r="V50" s="227"/>
      <c r="W50" s="227"/>
      <c r="X50" s="227"/>
      <c r="Y50" s="259"/>
    </row>
    <row r="51" spans="2:25" ht="17.25" customHeight="1" x14ac:dyDescent="0.15">
      <c r="B51" s="241"/>
      <c r="C51" s="223" t="s">
        <v>454</v>
      </c>
      <c r="T51" s="242"/>
      <c r="V51" s="227" t="s">
        <v>0</v>
      </c>
      <c r="W51" s="227" t="s">
        <v>379</v>
      </c>
      <c r="X51" s="227" t="s">
        <v>0</v>
      </c>
      <c r="Y51" s="258"/>
    </row>
    <row r="52" spans="2:25" ht="17.25" customHeight="1" x14ac:dyDescent="0.15">
      <c r="B52" s="241"/>
      <c r="D52" s="223" t="s">
        <v>455</v>
      </c>
      <c r="T52" s="242"/>
      <c r="V52" s="227"/>
      <c r="W52" s="227"/>
      <c r="X52" s="227"/>
      <c r="Y52" s="258"/>
    </row>
    <row r="53" spans="2:25" x14ac:dyDescent="0.15">
      <c r="B53" s="241"/>
      <c r="T53" s="242"/>
      <c r="V53" s="227"/>
      <c r="W53" s="227"/>
      <c r="X53" s="227"/>
      <c r="Y53" s="259"/>
    </row>
    <row r="54" spans="2:25" ht="17.25" customHeight="1" x14ac:dyDescent="0.15">
      <c r="B54" s="241"/>
      <c r="C54" s="223" t="s">
        <v>456</v>
      </c>
      <c r="T54" s="242"/>
      <c r="V54" s="227" t="s">
        <v>0</v>
      </c>
      <c r="W54" s="227" t="s">
        <v>388</v>
      </c>
      <c r="X54" s="227" t="s">
        <v>0</v>
      </c>
      <c r="Y54" s="258"/>
    </row>
    <row r="55" spans="2:25" ht="17.25" customHeight="1" x14ac:dyDescent="0.15">
      <c r="B55" s="241"/>
      <c r="D55" s="223" t="s">
        <v>457</v>
      </c>
      <c r="T55" s="242"/>
      <c r="V55" s="227"/>
      <c r="W55" s="227"/>
      <c r="X55" s="227"/>
      <c r="Y55" s="258"/>
    </row>
    <row r="56" spans="2:25" ht="13.5" customHeight="1" x14ac:dyDescent="0.15">
      <c r="B56" s="241"/>
      <c r="T56" s="242"/>
      <c r="V56" s="260"/>
      <c r="W56" s="260"/>
      <c r="X56" s="260"/>
      <c r="Y56" s="258"/>
    </row>
    <row r="57" spans="2:25" ht="17.25" customHeight="1" x14ac:dyDescent="0.15">
      <c r="B57" s="241"/>
      <c r="C57" s="223" t="s">
        <v>458</v>
      </c>
      <c r="T57" s="242"/>
      <c r="V57" s="227" t="s">
        <v>0</v>
      </c>
      <c r="W57" s="227" t="s">
        <v>379</v>
      </c>
      <c r="X57" s="227" t="s">
        <v>0</v>
      </c>
      <c r="Y57" s="258"/>
    </row>
    <row r="58" spans="2:25" ht="17.25" customHeight="1" x14ac:dyDescent="0.15">
      <c r="B58" s="241"/>
      <c r="D58" s="223" t="s">
        <v>459</v>
      </c>
      <c r="T58" s="242"/>
      <c r="V58" s="227"/>
      <c r="W58" s="227"/>
      <c r="X58" s="227"/>
      <c r="Y58" s="258"/>
    </row>
    <row r="59" spans="2:25" ht="17.25" customHeight="1" x14ac:dyDescent="0.15">
      <c r="B59" s="241"/>
      <c r="D59" s="223" t="s">
        <v>460</v>
      </c>
      <c r="T59" s="242"/>
      <c r="V59" s="227"/>
      <c r="W59" s="227"/>
      <c r="X59" s="227"/>
      <c r="Y59" s="258"/>
    </row>
    <row r="60" spans="2:25" x14ac:dyDescent="0.15">
      <c r="B60" s="241"/>
      <c r="T60" s="242"/>
      <c r="V60" s="227"/>
      <c r="W60" s="227"/>
      <c r="X60" s="227"/>
      <c r="Y60" s="259"/>
    </row>
    <row r="61" spans="2:25" ht="17.25" customHeight="1" x14ac:dyDescent="0.15">
      <c r="B61" s="241"/>
      <c r="C61" s="223" t="s">
        <v>461</v>
      </c>
      <c r="T61" s="242"/>
      <c r="V61" s="227" t="s">
        <v>0</v>
      </c>
      <c r="W61" s="227" t="s">
        <v>379</v>
      </c>
      <c r="X61" s="227" t="s">
        <v>0</v>
      </c>
      <c r="Y61" s="258"/>
    </row>
    <row r="62" spans="2:25" ht="7.5" customHeight="1" x14ac:dyDescent="0.15">
      <c r="B62" s="255"/>
      <c r="C62" s="236"/>
      <c r="D62" s="236"/>
      <c r="E62" s="236"/>
      <c r="F62" s="236"/>
      <c r="G62" s="236"/>
      <c r="H62" s="236"/>
      <c r="I62" s="236"/>
      <c r="J62" s="236"/>
      <c r="K62" s="236"/>
      <c r="L62" s="236"/>
      <c r="M62" s="236"/>
      <c r="N62" s="236"/>
      <c r="O62" s="236"/>
      <c r="P62" s="236"/>
      <c r="Q62" s="236"/>
      <c r="R62" s="236"/>
      <c r="S62" s="236"/>
      <c r="T62" s="256"/>
      <c r="U62" s="236"/>
      <c r="V62" s="236"/>
      <c r="W62" s="236"/>
      <c r="X62" s="236"/>
      <c r="Y62" s="256"/>
    </row>
    <row r="64" spans="2:25" x14ac:dyDescent="0.15">
      <c r="B64" s="239"/>
      <c r="C64" s="230"/>
      <c r="D64" s="230"/>
      <c r="E64" s="230"/>
      <c r="F64" s="230"/>
      <c r="G64" s="230"/>
      <c r="H64" s="230"/>
      <c r="I64" s="230"/>
      <c r="J64" s="230"/>
      <c r="K64" s="230"/>
      <c r="L64" s="230"/>
      <c r="M64" s="230"/>
      <c r="N64" s="230"/>
      <c r="O64" s="230"/>
      <c r="P64" s="230"/>
      <c r="Q64" s="230"/>
      <c r="R64" s="230"/>
      <c r="S64" s="230"/>
      <c r="T64" s="230"/>
      <c r="U64" s="239"/>
      <c r="V64" s="230"/>
      <c r="W64" s="230"/>
      <c r="X64" s="230"/>
      <c r="Y64" s="240"/>
    </row>
    <row r="65" spans="1:28" x14ac:dyDescent="0.15">
      <c r="B65" s="241" t="s">
        <v>462</v>
      </c>
      <c r="U65" s="241"/>
      <c r="V65" s="257" t="s">
        <v>20</v>
      </c>
      <c r="W65" s="257" t="s">
        <v>431</v>
      </c>
      <c r="X65" s="257" t="s">
        <v>21</v>
      </c>
      <c r="Y65" s="242"/>
    </row>
    <row r="66" spans="1:28" x14ac:dyDescent="0.15">
      <c r="B66" s="241"/>
      <c r="D66" s="223" t="s">
        <v>463</v>
      </c>
      <c r="U66" s="241"/>
      <c r="Y66" s="242"/>
    </row>
    <row r="67" spans="1:28" ht="17.25" customHeight="1" x14ac:dyDescent="0.15">
      <c r="B67" s="241"/>
      <c r="C67" s="223" t="s">
        <v>464</v>
      </c>
      <c r="U67" s="241"/>
      <c r="V67" s="227" t="s">
        <v>0</v>
      </c>
      <c r="W67" s="227" t="s">
        <v>379</v>
      </c>
      <c r="X67" s="227" t="s">
        <v>0</v>
      </c>
      <c r="Y67" s="258"/>
    </row>
    <row r="68" spans="1:28" ht="13.5" customHeight="1" x14ac:dyDescent="0.15">
      <c r="B68" s="241"/>
      <c r="U68" s="241"/>
      <c r="V68" s="227"/>
      <c r="W68" s="227"/>
      <c r="X68" s="227"/>
      <c r="Y68" s="259"/>
    </row>
    <row r="69" spans="1:28" ht="17.25" customHeight="1" x14ac:dyDescent="0.15">
      <c r="B69" s="241"/>
      <c r="C69" s="223" t="s">
        <v>465</v>
      </c>
      <c r="U69" s="241"/>
      <c r="V69" s="227" t="s">
        <v>0</v>
      </c>
      <c r="W69" s="227" t="s">
        <v>22</v>
      </c>
      <c r="X69" s="227" t="s">
        <v>0</v>
      </c>
      <c r="Y69" s="258"/>
    </row>
    <row r="70" spans="1:28" ht="13.5" customHeight="1" x14ac:dyDescent="0.15">
      <c r="B70" s="241"/>
      <c r="U70" s="241"/>
      <c r="V70" s="227"/>
      <c r="W70" s="227"/>
      <c r="X70" s="227"/>
      <c r="Y70" s="259"/>
    </row>
    <row r="71" spans="1:28" ht="17.25" customHeight="1" x14ac:dyDescent="0.15">
      <c r="A71" s="260"/>
      <c r="B71" s="241"/>
      <c r="C71" s="223" t="s">
        <v>466</v>
      </c>
      <c r="U71" s="241"/>
      <c r="V71" s="227" t="s">
        <v>0</v>
      </c>
      <c r="W71" s="227" t="s">
        <v>388</v>
      </c>
      <c r="X71" s="227" t="s">
        <v>0</v>
      </c>
      <c r="Y71" s="258"/>
    </row>
    <row r="72" spans="1:28" ht="13.5" customHeight="1" x14ac:dyDescent="0.15">
      <c r="B72" s="241"/>
      <c r="U72" s="241"/>
      <c r="V72" s="260"/>
      <c r="W72" s="260"/>
      <c r="X72" s="260"/>
      <c r="Y72" s="258"/>
    </row>
    <row r="73" spans="1:28" x14ac:dyDescent="0.15">
      <c r="B73" s="241"/>
      <c r="C73" s="223" t="s">
        <v>467</v>
      </c>
      <c r="U73" s="241"/>
      <c r="V73" s="227" t="s">
        <v>0</v>
      </c>
      <c r="W73" s="227" t="s">
        <v>22</v>
      </c>
      <c r="X73" s="227" t="s">
        <v>0</v>
      </c>
      <c r="Y73" s="258"/>
      <c r="Z73" s="224"/>
      <c r="AA73" s="224"/>
      <c r="AB73" s="224"/>
    </row>
    <row r="74" spans="1:28" ht="13.5" customHeight="1" x14ac:dyDescent="0.15">
      <c r="B74" s="241"/>
      <c r="U74" s="241"/>
      <c r="Y74" s="242"/>
      <c r="Z74" s="224"/>
      <c r="AA74" s="224"/>
      <c r="AB74" s="224"/>
    </row>
    <row r="75" spans="1:28" x14ac:dyDescent="0.15">
      <c r="B75" s="241"/>
      <c r="C75" s="223" t="s">
        <v>468</v>
      </c>
      <c r="U75" s="241"/>
      <c r="V75" s="227" t="s">
        <v>0</v>
      </c>
      <c r="W75" s="227" t="s">
        <v>379</v>
      </c>
      <c r="X75" s="227" t="s">
        <v>0</v>
      </c>
      <c r="Y75" s="258"/>
      <c r="Z75" s="224"/>
      <c r="AA75" s="224"/>
      <c r="AB75" s="224"/>
    </row>
    <row r="76" spans="1:28" x14ac:dyDescent="0.15">
      <c r="B76" s="241"/>
      <c r="U76" s="241"/>
      <c r="Y76" s="242"/>
      <c r="Z76" s="224"/>
      <c r="AA76" s="224"/>
      <c r="AB76" s="224"/>
    </row>
    <row r="77" spans="1:28" ht="16.5" customHeight="1" x14ac:dyDescent="0.15">
      <c r="B77" s="241"/>
      <c r="C77" s="223" t="s">
        <v>469</v>
      </c>
      <c r="U77" s="241"/>
      <c r="V77" s="227" t="s">
        <v>0</v>
      </c>
      <c r="W77" s="227" t="s">
        <v>388</v>
      </c>
      <c r="X77" s="227" t="s">
        <v>0</v>
      </c>
      <c r="Y77" s="258"/>
      <c r="Z77" s="224"/>
      <c r="AA77" s="224"/>
      <c r="AB77" s="224"/>
    </row>
    <row r="78" spans="1:28" ht="5.25" customHeight="1" x14ac:dyDescent="0.15">
      <c r="B78" s="255"/>
      <c r="C78" s="236"/>
      <c r="D78" s="236"/>
      <c r="E78" s="236"/>
      <c r="F78" s="236"/>
      <c r="G78" s="236"/>
      <c r="H78" s="236"/>
      <c r="I78" s="236"/>
      <c r="J78" s="236"/>
      <c r="K78" s="236"/>
      <c r="L78" s="236"/>
      <c r="M78" s="236"/>
      <c r="N78" s="236"/>
      <c r="O78" s="236"/>
      <c r="P78" s="236"/>
      <c r="Q78" s="236"/>
      <c r="R78" s="236"/>
      <c r="S78" s="236"/>
      <c r="T78" s="236"/>
      <c r="U78" s="255"/>
      <c r="V78" s="236"/>
      <c r="W78" s="236"/>
      <c r="X78" s="236"/>
      <c r="Y78" s="256"/>
      <c r="Z78" s="224"/>
      <c r="AA78" s="224"/>
      <c r="AB78" s="224"/>
    </row>
    <row r="80" spans="1:28" x14ac:dyDescent="0.15">
      <c r="B80" s="223" t="s">
        <v>470</v>
      </c>
    </row>
    <row r="81" spans="2:28" x14ac:dyDescent="0.15">
      <c r="B81" s="223" t="s">
        <v>471</v>
      </c>
      <c r="K81" s="224"/>
      <c r="L81" s="224"/>
      <c r="M81" s="224"/>
      <c r="N81" s="224"/>
      <c r="O81" s="224"/>
      <c r="P81" s="224"/>
      <c r="Q81" s="224"/>
      <c r="R81" s="224"/>
      <c r="S81" s="224"/>
      <c r="T81" s="224"/>
      <c r="U81" s="224"/>
      <c r="V81" s="224"/>
      <c r="W81" s="224"/>
      <c r="X81" s="224"/>
      <c r="Y81" s="224"/>
      <c r="Z81" s="224"/>
      <c r="AA81" s="224"/>
      <c r="AB81" s="224"/>
    </row>
    <row r="82" spans="2:28" ht="13.5" customHeight="1" x14ac:dyDescent="0.15">
      <c r="B82" s="223" t="s">
        <v>472</v>
      </c>
      <c r="K82" s="224"/>
      <c r="L82" s="224"/>
      <c r="M82" s="224"/>
      <c r="N82" s="224"/>
      <c r="O82" s="224"/>
      <c r="P82" s="224"/>
      <c r="Q82" s="224"/>
      <c r="R82" s="224"/>
      <c r="S82" s="224"/>
      <c r="T82" s="224"/>
      <c r="U82" s="224"/>
      <c r="V82" s="224"/>
      <c r="W82" s="224"/>
      <c r="X82" s="224"/>
      <c r="Y82" s="224"/>
      <c r="Z82" s="224"/>
      <c r="AA82" s="224"/>
      <c r="AB82" s="224"/>
    </row>
    <row r="84" spans="2:28" x14ac:dyDescent="0.15">
      <c r="B84" s="223" t="s">
        <v>473</v>
      </c>
      <c r="C84" s="224"/>
      <c r="D84" s="224"/>
      <c r="E84" s="224"/>
      <c r="F84" s="224"/>
      <c r="G84" s="224"/>
      <c r="H84" s="224"/>
      <c r="I84" s="224"/>
      <c r="J84" s="224"/>
      <c r="K84" s="224"/>
      <c r="L84" s="224"/>
      <c r="M84" s="224"/>
      <c r="N84" s="224"/>
      <c r="O84" s="224"/>
      <c r="P84" s="224"/>
      <c r="Q84" s="224"/>
      <c r="R84" s="224"/>
      <c r="S84" s="224"/>
      <c r="T84" s="224"/>
      <c r="U84" s="224"/>
      <c r="V84" s="224"/>
      <c r="W84" s="224"/>
      <c r="X84" s="224"/>
      <c r="Y84" s="224"/>
    </row>
    <row r="86" spans="2:28" x14ac:dyDescent="0.15">
      <c r="B86" s="424" t="s">
        <v>474</v>
      </c>
      <c r="C86" s="424"/>
      <c r="D86" s="424"/>
      <c r="E86" s="424"/>
      <c r="F86" s="424"/>
      <c r="G86" s="424"/>
      <c r="H86" s="424"/>
      <c r="I86" s="424"/>
      <c r="J86" s="424"/>
      <c r="K86" s="424"/>
      <c r="L86" s="424"/>
      <c r="M86" s="424"/>
      <c r="N86" s="424"/>
      <c r="O86" s="424"/>
      <c r="P86" s="424"/>
      <c r="Q86" s="424"/>
      <c r="R86" s="424"/>
      <c r="S86" s="424"/>
      <c r="T86" s="424"/>
      <c r="U86" s="424"/>
      <c r="V86" s="424"/>
      <c r="W86" s="424"/>
      <c r="X86" s="424"/>
      <c r="Y86" s="424"/>
    </row>
    <row r="88" spans="2:28" ht="23.25" customHeight="1" x14ac:dyDescent="0.15">
      <c r="B88" s="425" t="s">
        <v>15</v>
      </c>
      <c r="C88" s="425"/>
      <c r="D88" s="425"/>
      <c r="E88" s="425"/>
      <c r="F88" s="425"/>
      <c r="G88" s="426"/>
      <c r="H88" s="427"/>
      <c r="I88" s="427"/>
      <c r="J88" s="427"/>
      <c r="K88" s="427"/>
      <c r="L88" s="427"/>
      <c r="M88" s="427"/>
      <c r="N88" s="427"/>
      <c r="O88" s="427"/>
      <c r="P88" s="427"/>
      <c r="Q88" s="427"/>
      <c r="R88" s="427"/>
      <c r="S88" s="427"/>
      <c r="T88" s="427"/>
      <c r="U88" s="427"/>
      <c r="V88" s="427"/>
      <c r="W88" s="427"/>
      <c r="X88" s="427"/>
      <c r="Y88" s="428"/>
    </row>
    <row r="89" spans="2:28" ht="23.25" customHeight="1" x14ac:dyDescent="0.15">
      <c r="B89" s="425" t="s">
        <v>475</v>
      </c>
      <c r="C89" s="425"/>
      <c r="D89" s="425"/>
      <c r="E89" s="425"/>
      <c r="F89" s="425"/>
      <c r="G89" s="225" t="s">
        <v>0</v>
      </c>
      <c r="H89" s="226" t="s">
        <v>476</v>
      </c>
      <c r="I89" s="226"/>
      <c r="J89" s="226"/>
      <c r="K89" s="226"/>
      <c r="L89" s="227" t="s">
        <v>0</v>
      </c>
      <c r="M89" s="226" t="s">
        <v>477</v>
      </c>
      <c r="N89" s="226"/>
      <c r="O89" s="226"/>
      <c r="P89" s="226"/>
      <c r="Q89" s="227" t="s">
        <v>0</v>
      </c>
      <c r="R89" s="226" t="s">
        <v>478</v>
      </c>
      <c r="S89" s="226"/>
      <c r="T89" s="226"/>
      <c r="U89" s="226"/>
      <c r="V89" s="226"/>
      <c r="W89" s="228"/>
      <c r="X89" s="228"/>
      <c r="Y89" s="229"/>
    </row>
    <row r="90" spans="2:28" ht="20.100000000000001" customHeight="1" x14ac:dyDescent="0.15">
      <c r="B90" s="429" t="s">
        <v>305</v>
      </c>
      <c r="C90" s="430"/>
      <c r="D90" s="430"/>
      <c r="E90" s="430"/>
      <c r="F90" s="431"/>
      <c r="G90" s="261" t="s">
        <v>0</v>
      </c>
      <c r="H90" s="230" t="s">
        <v>414</v>
      </c>
      <c r="I90" s="231"/>
      <c r="J90" s="231"/>
      <c r="K90" s="231"/>
      <c r="L90" s="231"/>
      <c r="M90" s="231"/>
      <c r="N90" s="231"/>
      <c r="O90" s="231"/>
      <c r="P90" s="231"/>
      <c r="Q90" s="231"/>
      <c r="R90" s="231"/>
      <c r="S90" s="231"/>
      <c r="T90" s="231"/>
      <c r="U90" s="231"/>
      <c r="V90" s="231"/>
      <c r="W90" s="231"/>
      <c r="X90" s="231"/>
      <c r="Y90" s="232"/>
    </row>
    <row r="91" spans="2:28" ht="20.100000000000001" customHeight="1" x14ac:dyDescent="0.15">
      <c r="B91" s="432"/>
      <c r="C91" s="424"/>
      <c r="D91" s="424"/>
      <c r="E91" s="424"/>
      <c r="F91" s="433"/>
      <c r="G91" s="227" t="s">
        <v>0</v>
      </c>
      <c r="H91" s="223" t="s">
        <v>479</v>
      </c>
      <c r="I91" s="233"/>
      <c r="J91" s="233"/>
      <c r="K91" s="233"/>
      <c r="L91" s="233"/>
      <c r="M91" s="233"/>
      <c r="N91" s="233"/>
      <c r="O91" s="233"/>
      <c r="P91" s="233"/>
      <c r="Q91" s="233"/>
      <c r="R91" s="233"/>
      <c r="S91" s="233"/>
      <c r="T91" s="233"/>
      <c r="U91" s="233"/>
      <c r="V91" s="233"/>
      <c r="W91" s="233"/>
      <c r="X91" s="233"/>
      <c r="Y91" s="234"/>
    </row>
    <row r="92" spans="2:28" ht="20.100000000000001" customHeight="1" x14ac:dyDescent="0.15">
      <c r="B92" s="434"/>
      <c r="C92" s="435"/>
      <c r="D92" s="435"/>
      <c r="E92" s="435"/>
      <c r="F92" s="436"/>
      <c r="G92" s="262" t="s">
        <v>0</v>
      </c>
      <c r="H92" s="236" t="s">
        <v>480</v>
      </c>
      <c r="I92" s="237"/>
      <c r="J92" s="237"/>
      <c r="K92" s="237"/>
      <c r="L92" s="237"/>
      <c r="M92" s="237"/>
      <c r="N92" s="237"/>
      <c r="O92" s="237"/>
      <c r="P92" s="237"/>
      <c r="Q92" s="237"/>
      <c r="R92" s="237"/>
      <c r="S92" s="237"/>
      <c r="T92" s="237"/>
      <c r="U92" s="237"/>
      <c r="V92" s="237"/>
      <c r="W92" s="237"/>
      <c r="X92" s="237"/>
      <c r="Y92" s="238"/>
    </row>
    <row r="94" spans="2:28" x14ac:dyDescent="0.15">
      <c r="B94" s="239"/>
      <c r="C94" s="230"/>
      <c r="D94" s="230"/>
      <c r="E94" s="230"/>
      <c r="F94" s="230"/>
      <c r="G94" s="230"/>
      <c r="H94" s="230"/>
      <c r="I94" s="230"/>
      <c r="J94" s="230"/>
      <c r="K94" s="230"/>
      <c r="L94" s="230"/>
      <c r="M94" s="230"/>
      <c r="N94" s="230"/>
      <c r="O94" s="230"/>
      <c r="P94" s="230"/>
      <c r="Q94" s="230"/>
      <c r="R94" s="230"/>
      <c r="S94" s="230"/>
      <c r="T94" s="240"/>
      <c r="U94" s="230"/>
      <c r="V94" s="230"/>
      <c r="W94" s="230"/>
      <c r="X94" s="230"/>
      <c r="Y94" s="240"/>
      <c r="Z94" s="224"/>
      <c r="AA94" s="224"/>
      <c r="AB94" s="224"/>
    </row>
    <row r="95" spans="2:28" x14ac:dyDescent="0.15">
      <c r="B95" s="241" t="s">
        <v>481</v>
      </c>
      <c r="T95" s="242"/>
      <c r="V95" s="257" t="s">
        <v>20</v>
      </c>
      <c r="W95" s="257" t="s">
        <v>388</v>
      </c>
      <c r="X95" s="257" t="s">
        <v>21</v>
      </c>
      <c r="Y95" s="242"/>
      <c r="Z95" s="224"/>
      <c r="AA95" s="224"/>
      <c r="AB95" s="224"/>
    </row>
    <row r="96" spans="2:28" x14ac:dyDescent="0.15">
      <c r="B96" s="241"/>
      <c r="T96" s="242"/>
      <c r="Y96" s="242"/>
      <c r="Z96" s="224"/>
      <c r="AA96" s="224"/>
      <c r="AB96" s="224"/>
    </row>
    <row r="97" spans="2:28" ht="17.25" customHeight="1" x14ac:dyDescent="0.15">
      <c r="B97" s="241"/>
      <c r="C97" s="223" t="s">
        <v>482</v>
      </c>
      <c r="T97" s="242"/>
      <c r="V97" s="227" t="s">
        <v>0</v>
      </c>
      <c r="W97" s="227" t="s">
        <v>431</v>
      </c>
      <c r="X97" s="227" t="s">
        <v>0</v>
      </c>
      <c r="Y97" s="258"/>
    </row>
    <row r="98" spans="2:28" x14ac:dyDescent="0.15">
      <c r="B98" s="241"/>
      <c r="T98" s="242"/>
      <c r="V98" s="227"/>
      <c r="W98" s="227"/>
      <c r="X98" s="227"/>
      <c r="Y98" s="259"/>
    </row>
    <row r="99" spans="2:28" ht="17.25" customHeight="1" x14ac:dyDescent="0.15">
      <c r="B99" s="241"/>
      <c r="C99" s="223" t="s">
        <v>483</v>
      </c>
      <c r="T99" s="242"/>
      <c r="V99" s="227" t="s">
        <v>0</v>
      </c>
      <c r="W99" s="227" t="s">
        <v>379</v>
      </c>
      <c r="X99" s="227" t="s">
        <v>0</v>
      </c>
      <c r="Y99" s="258"/>
    </row>
    <row r="100" spans="2:28" x14ac:dyDescent="0.15">
      <c r="B100" s="241"/>
      <c r="T100" s="242"/>
      <c r="V100" s="227"/>
      <c r="W100" s="227"/>
      <c r="X100" s="227"/>
      <c r="Y100" s="259"/>
    </row>
    <row r="101" spans="2:28" ht="17.25" customHeight="1" x14ac:dyDescent="0.15">
      <c r="B101" s="241"/>
      <c r="C101" s="223" t="s">
        <v>484</v>
      </c>
      <c r="T101" s="242"/>
      <c r="V101" s="227" t="s">
        <v>0</v>
      </c>
      <c r="W101" s="227" t="s">
        <v>379</v>
      </c>
      <c r="X101" s="227" t="s">
        <v>0</v>
      </c>
      <c r="Y101" s="258"/>
    </row>
    <row r="102" spans="2:28" ht="7.5" customHeight="1" x14ac:dyDescent="0.15">
      <c r="B102" s="241"/>
      <c r="T102" s="242"/>
      <c r="V102" s="260"/>
      <c r="W102" s="260"/>
      <c r="X102" s="260"/>
      <c r="Y102" s="258"/>
    </row>
    <row r="103" spans="2:28" x14ac:dyDescent="0.15">
      <c r="B103" s="241"/>
      <c r="C103" s="223" t="s">
        <v>485</v>
      </c>
      <c r="T103" s="242"/>
      <c r="V103" s="260"/>
      <c r="W103" s="260"/>
      <c r="X103" s="260"/>
      <c r="Y103" s="258"/>
    </row>
    <row r="104" spans="2:28" x14ac:dyDescent="0.15">
      <c r="B104" s="255"/>
      <c r="C104" s="236"/>
      <c r="D104" s="236"/>
      <c r="E104" s="236"/>
      <c r="F104" s="236"/>
      <c r="G104" s="236"/>
      <c r="H104" s="236"/>
      <c r="I104" s="236"/>
      <c r="J104" s="236"/>
      <c r="K104" s="236"/>
      <c r="L104" s="236"/>
      <c r="M104" s="236"/>
      <c r="N104" s="236"/>
      <c r="O104" s="236"/>
      <c r="P104" s="236"/>
      <c r="Q104" s="236"/>
      <c r="R104" s="236"/>
      <c r="S104" s="236"/>
      <c r="T104" s="256"/>
      <c r="U104" s="236"/>
      <c r="V104" s="236"/>
      <c r="W104" s="236"/>
      <c r="X104" s="236"/>
      <c r="Y104" s="256"/>
    </row>
    <row r="106" spans="2:28" x14ac:dyDescent="0.15">
      <c r="B106" s="239"/>
      <c r="C106" s="230"/>
      <c r="D106" s="230"/>
      <c r="E106" s="230"/>
      <c r="F106" s="230"/>
      <c r="G106" s="230"/>
      <c r="H106" s="230"/>
      <c r="I106" s="230"/>
      <c r="J106" s="230"/>
      <c r="K106" s="230"/>
      <c r="L106" s="230"/>
      <c r="M106" s="230"/>
      <c r="N106" s="230"/>
      <c r="O106" s="230"/>
      <c r="P106" s="230"/>
      <c r="Q106" s="230"/>
      <c r="R106" s="230"/>
      <c r="S106" s="230"/>
      <c r="T106" s="240"/>
      <c r="U106" s="230"/>
      <c r="V106" s="230"/>
      <c r="W106" s="230"/>
      <c r="X106" s="230"/>
      <c r="Y106" s="240"/>
      <c r="Z106" s="224"/>
      <c r="AA106" s="224"/>
      <c r="AB106" s="224"/>
    </row>
    <row r="107" spans="2:28" x14ac:dyDescent="0.15">
      <c r="B107" s="241" t="s">
        <v>486</v>
      </c>
      <c r="T107" s="242"/>
      <c r="V107" s="257" t="s">
        <v>20</v>
      </c>
      <c r="W107" s="257" t="s">
        <v>379</v>
      </c>
      <c r="X107" s="257" t="s">
        <v>21</v>
      </c>
      <c r="Y107" s="242"/>
      <c r="Z107" s="224"/>
      <c r="AA107" s="224"/>
      <c r="AB107" s="224"/>
    </row>
    <row r="108" spans="2:28" x14ac:dyDescent="0.15">
      <c r="B108" s="241"/>
      <c r="T108" s="242"/>
      <c r="Y108" s="242"/>
      <c r="Z108" s="224"/>
      <c r="AA108" s="224"/>
      <c r="AB108" s="224"/>
    </row>
    <row r="109" spans="2:28" ht="17.25" customHeight="1" x14ac:dyDescent="0.15">
      <c r="B109" s="241"/>
      <c r="C109" s="223" t="s">
        <v>487</v>
      </c>
      <c r="T109" s="242"/>
      <c r="V109" s="227" t="s">
        <v>0</v>
      </c>
      <c r="W109" s="227" t="s">
        <v>379</v>
      </c>
      <c r="X109" s="227" t="s">
        <v>0</v>
      </c>
      <c r="Y109" s="258"/>
    </row>
    <row r="110" spans="2:28" x14ac:dyDescent="0.15">
      <c r="B110" s="241"/>
      <c r="T110" s="242"/>
      <c r="V110" s="227"/>
      <c r="W110" s="227"/>
      <c r="X110" s="227"/>
      <c r="Y110" s="259"/>
    </row>
    <row r="111" spans="2:28" ht="13.5" customHeight="1" x14ac:dyDescent="0.15">
      <c r="B111" s="241"/>
      <c r="C111" s="223" t="s">
        <v>488</v>
      </c>
      <c r="T111" s="242"/>
      <c r="V111" s="227" t="s">
        <v>0</v>
      </c>
      <c r="W111" s="227" t="s">
        <v>379</v>
      </c>
      <c r="X111" s="227" t="s">
        <v>0</v>
      </c>
      <c r="Y111" s="258"/>
    </row>
    <row r="112" spans="2:28" ht="7.5" customHeight="1" x14ac:dyDescent="0.15">
      <c r="B112" s="241"/>
      <c r="T112" s="242"/>
      <c r="V112" s="260"/>
      <c r="W112" s="260"/>
      <c r="X112" s="260"/>
      <c r="Y112" s="258"/>
    </row>
    <row r="113" spans="2:28" ht="17.25" customHeight="1" x14ac:dyDescent="0.15">
      <c r="B113" s="241"/>
      <c r="C113" s="223" t="s">
        <v>489</v>
      </c>
      <c r="T113" s="242"/>
      <c r="V113" s="260"/>
      <c r="W113" s="260"/>
      <c r="X113" s="260"/>
      <c r="Y113" s="258"/>
    </row>
    <row r="114" spans="2:28" x14ac:dyDescent="0.15">
      <c r="B114" s="255"/>
      <c r="C114" s="236"/>
      <c r="D114" s="236"/>
      <c r="E114" s="236"/>
      <c r="F114" s="236"/>
      <c r="G114" s="236"/>
      <c r="H114" s="236"/>
      <c r="I114" s="236"/>
      <c r="J114" s="236"/>
      <c r="K114" s="236"/>
      <c r="L114" s="236"/>
      <c r="M114" s="236"/>
      <c r="N114" s="236"/>
      <c r="O114" s="236"/>
      <c r="P114" s="236"/>
      <c r="Q114" s="236"/>
      <c r="R114" s="236"/>
      <c r="S114" s="236"/>
      <c r="T114" s="256"/>
      <c r="U114" s="236"/>
      <c r="V114" s="236"/>
      <c r="W114" s="236"/>
      <c r="X114" s="236"/>
      <c r="Y114" s="256"/>
    </row>
    <row r="117" spans="2:28" x14ac:dyDescent="0.15">
      <c r="K117" s="224"/>
      <c r="L117" s="224"/>
      <c r="M117" s="224"/>
      <c r="N117" s="224"/>
      <c r="O117" s="224"/>
      <c r="P117" s="224"/>
      <c r="Q117" s="224"/>
      <c r="R117" s="224"/>
      <c r="S117" s="224"/>
      <c r="T117" s="224"/>
      <c r="U117" s="224"/>
      <c r="V117" s="224"/>
      <c r="W117" s="224"/>
      <c r="X117" s="224"/>
      <c r="Y117" s="224"/>
      <c r="Z117" s="224"/>
      <c r="AA117" s="224"/>
      <c r="AB117" s="224"/>
    </row>
    <row r="122" spans="2:28" x14ac:dyDescent="0.15">
      <c r="C122" s="236"/>
      <c r="D122" s="236"/>
      <c r="E122" s="236"/>
      <c r="F122" s="236"/>
      <c r="G122" s="236"/>
    </row>
    <row r="123" spans="2:28" x14ac:dyDescent="0.15">
      <c r="C123" s="230"/>
    </row>
  </sheetData>
  <mergeCells count="61">
    <mergeCell ref="D23:H23"/>
    <mergeCell ref="I23:L23"/>
    <mergeCell ref="P23:Q23"/>
    <mergeCell ref="V23:W23"/>
    <mergeCell ref="B4:Y4"/>
    <mergeCell ref="B6:F6"/>
    <mergeCell ref="G6:Y6"/>
    <mergeCell ref="B7:F7"/>
    <mergeCell ref="B8:F11"/>
    <mergeCell ref="B12:F15"/>
    <mergeCell ref="K20:L20"/>
    <mergeCell ref="D22:H22"/>
    <mergeCell ref="I22:L22"/>
    <mergeCell ref="P22:Q22"/>
    <mergeCell ref="V22:W22"/>
    <mergeCell ref="D24:U25"/>
    <mergeCell ref="D26:X26"/>
    <mergeCell ref="D27:H27"/>
    <mergeCell ref="I27:L27"/>
    <mergeCell ref="P27:Q27"/>
    <mergeCell ref="V27:W27"/>
    <mergeCell ref="D28:H28"/>
    <mergeCell ref="I28:L28"/>
    <mergeCell ref="P28:Q28"/>
    <mergeCell ref="V28:W28"/>
    <mergeCell ref="D29:H29"/>
    <mergeCell ref="I29:L29"/>
    <mergeCell ref="P29:Q29"/>
    <mergeCell ref="V29:W29"/>
    <mergeCell ref="D30:H30"/>
    <mergeCell ref="I30:L30"/>
    <mergeCell ref="P30:Q30"/>
    <mergeCell ref="V30:W30"/>
    <mergeCell ref="D31:H31"/>
    <mergeCell ref="I31:L31"/>
    <mergeCell ref="P31:Q31"/>
    <mergeCell ref="V31:W31"/>
    <mergeCell ref="D35:X35"/>
    <mergeCell ref="E39:F39"/>
    <mergeCell ref="H39:I39"/>
    <mergeCell ref="K39:M39"/>
    <mergeCell ref="O39:P39"/>
    <mergeCell ref="R39:S39"/>
    <mergeCell ref="V39:X39"/>
    <mergeCell ref="V41:X41"/>
    <mergeCell ref="E40:F40"/>
    <mergeCell ref="H40:I40"/>
    <mergeCell ref="K40:M40"/>
    <mergeCell ref="O40:P40"/>
    <mergeCell ref="R40:S40"/>
    <mergeCell ref="V40:X40"/>
    <mergeCell ref="E41:F41"/>
    <mergeCell ref="H41:I41"/>
    <mergeCell ref="K41:M41"/>
    <mergeCell ref="O41:P41"/>
    <mergeCell ref="R41:S41"/>
    <mergeCell ref="B86:Y86"/>
    <mergeCell ref="B88:F88"/>
    <mergeCell ref="G88:Y88"/>
    <mergeCell ref="B89:F89"/>
    <mergeCell ref="B90:F92"/>
  </mergeCells>
  <phoneticPr fontId="3"/>
  <pageMargins left="0.7" right="0.7" top="0.75" bottom="0.75" header="0.3" footer="0.3"/>
  <pageSetup paperSize="9" scale="94" orientation="portrait" verticalDpi="0" r:id="rId1"/>
  <colBreaks count="1" manualBreakCount="1">
    <brk id="26" max="1048575" man="1"/>
  </colBreaks>
  <extLst>
    <ext xmlns:x14="http://schemas.microsoft.com/office/spreadsheetml/2009/9/main" uri="{CCE6A557-97BC-4b89-ADB6-D9C93CAAB3DF}">
      <x14:dataValidations xmlns:xm="http://schemas.microsoft.com/office/excel/2006/main" count="1">
        <x14:dataValidation type="list" allowBlank="1" showInputMessage="1" showErrorMessage="1">
          <x14:formula1>
            <xm:f>"□,■"</xm:f>
          </x14:formula1>
          <xm:sqref>G7:G15 JC7:JC15 SY7:SY15 ACU7:ACU15 AMQ7:AMQ15 AWM7:AWM15 BGI7:BGI15 BQE7:BQE15 CAA7:CAA15 CJW7:CJW15 CTS7:CTS15 DDO7:DDO15 DNK7:DNK15 DXG7:DXG15 EHC7:EHC15 EQY7:EQY15 FAU7:FAU15 FKQ7:FKQ15 FUM7:FUM15 GEI7:GEI15 GOE7:GOE15 GYA7:GYA15 HHW7:HHW15 HRS7:HRS15 IBO7:IBO15 ILK7:ILK15 IVG7:IVG15 JFC7:JFC15 JOY7:JOY15 JYU7:JYU15 KIQ7:KIQ15 KSM7:KSM15 LCI7:LCI15 LME7:LME15 LWA7:LWA15 MFW7:MFW15 MPS7:MPS15 MZO7:MZO15 NJK7:NJK15 NTG7:NTG15 ODC7:ODC15 OMY7:OMY15 OWU7:OWU15 PGQ7:PGQ15 PQM7:PQM15 QAI7:QAI15 QKE7:QKE15 QUA7:QUA15 RDW7:RDW15 RNS7:RNS15 RXO7:RXO15 SHK7:SHK15 SRG7:SRG15 TBC7:TBC15 TKY7:TKY15 TUU7:TUU15 UEQ7:UEQ15 UOM7:UOM15 UYI7:UYI15 VIE7:VIE15 VSA7:VSA15 WBW7:WBW15 WLS7:WLS15 WVO7:WVO15 G65543:G65551 JC65543:JC65551 SY65543:SY65551 ACU65543:ACU65551 AMQ65543:AMQ65551 AWM65543:AWM65551 BGI65543:BGI65551 BQE65543:BQE65551 CAA65543:CAA65551 CJW65543:CJW65551 CTS65543:CTS65551 DDO65543:DDO65551 DNK65543:DNK65551 DXG65543:DXG65551 EHC65543:EHC65551 EQY65543:EQY65551 FAU65543:FAU65551 FKQ65543:FKQ65551 FUM65543:FUM65551 GEI65543:GEI65551 GOE65543:GOE65551 GYA65543:GYA65551 HHW65543:HHW65551 HRS65543:HRS65551 IBO65543:IBO65551 ILK65543:ILK65551 IVG65543:IVG65551 JFC65543:JFC65551 JOY65543:JOY65551 JYU65543:JYU65551 KIQ65543:KIQ65551 KSM65543:KSM65551 LCI65543:LCI65551 LME65543:LME65551 LWA65543:LWA65551 MFW65543:MFW65551 MPS65543:MPS65551 MZO65543:MZO65551 NJK65543:NJK65551 NTG65543:NTG65551 ODC65543:ODC65551 OMY65543:OMY65551 OWU65543:OWU65551 PGQ65543:PGQ65551 PQM65543:PQM65551 QAI65543:QAI65551 QKE65543:QKE65551 QUA65543:QUA65551 RDW65543:RDW65551 RNS65543:RNS65551 RXO65543:RXO65551 SHK65543:SHK65551 SRG65543:SRG65551 TBC65543:TBC65551 TKY65543:TKY65551 TUU65543:TUU65551 UEQ65543:UEQ65551 UOM65543:UOM65551 UYI65543:UYI65551 VIE65543:VIE65551 VSA65543:VSA65551 WBW65543:WBW65551 WLS65543:WLS65551 WVO65543:WVO65551 G131079:G131087 JC131079:JC131087 SY131079:SY131087 ACU131079:ACU131087 AMQ131079:AMQ131087 AWM131079:AWM131087 BGI131079:BGI131087 BQE131079:BQE131087 CAA131079:CAA131087 CJW131079:CJW131087 CTS131079:CTS131087 DDO131079:DDO131087 DNK131079:DNK131087 DXG131079:DXG131087 EHC131079:EHC131087 EQY131079:EQY131087 FAU131079:FAU131087 FKQ131079:FKQ131087 FUM131079:FUM131087 GEI131079:GEI131087 GOE131079:GOE131087 GYA131079:GYA131087 HHW131079:HHW131087 HRS131079:HRS131087 IBO131079:IBO131087 ILK131079:ILK131087 IVG131079:IVG131087 JFC131079:JFC131087 JOY131079:JOY131087 JYU131079:JYU131087 KIQ131079:KIQ131087 KSM131079:KSM131087 LCI131079:LCI131087 LME131079:LME131087 LWA131079:LWA131087 MFW131079:MFW131087 MPS131079:MPS131087 MZO131079:MZO131087 NJK131079:NJK131087 NTG131079:NTG131087 ODC131079:ODC131087 OMY131079:OMY131087 OWU131079:OWU131087 PGQ131079:PGQ131087 PQM131079:PQM131087 QAI131079:QAI131087 QKE131079:QKE131087 QUA131079:QUA131087 RDW131079:RDW131087 RNS131079:RNS131087 RXO131079:RXO131087 SHK131079:SHK131087 SRG131079:SRG131087 TBC131079:TBC131087 TKY131079:TKY131087 TUU131079:TUU131087 UEQ131079:UEQ131087 UOM131079:UOM131087 UYI131079:UYI131087 VIE131079:VIE131087 VSA131079:VSA131087 WBW131079:WBW131087 WLS131079:WLS131087 WVO131079:WVO131087 G196615:G196623 JC196615:JC196623 SY196615:SY196623 ACU196615:ACU196623 AMQ196615:AMQ196623 AWM196615:AWM196623 BGI196615:BGI196623 BQE196615:BQE196623 CAA196615:CAA196623 CJW196615:CJW196623 CTS196615:CTS196623 DDO196615:DDO196623 DNK196615:DNK196623 DXG196615:DXG196623 EHC196615:EHC196623 EQY196615:EQY196623 FAU196615:FAU196623 FKQ196615:FKQ196623 FUM196615:FUM196623 GEI196615:GEI196623 GOE196615:GOE196623 GYA196615:GYA196623 HHW196615:HHW196623 HRS196615:HRS196623 IBO196615:IBO196623 ILK196615:ILK196623 IVG196615:IVG196623 JFC196615:JFC196623 JOY196615:JOY196623 JYU196615:JYU196623 KIQ196615:KIQ196623 KSM196615:KSM196623 LCI196615:LCI196623 LME196615:LME196623 LWA196615:LWA196623 MFW196615:MFW196623 MPS196615:MPS196623 MZO196615:MZO196623 NJK196615:NJK196623 NTG196615:NTG196623 ODC196615:ODC196623 OMY196615:OMY196623 OWU196615:OWU196623 PGQ196615:PGQ196623 PQM196615:PQM196623 QAI196615:QAI196623 QKE196615:QKE196623 QUA196615:QUA196623 RDW196615:RDW196623 RNS196615:RNS196623 RXO196615:RXO196623 SHK196615:SHK196623 SRG196615:SRG196623 TBC196615:TBC196623 TKY196615:TKY196623 TUU196615:TUU196623 UEQ196615:UEQ196623 UOM196615:UOM196623 UYI196615:UYI196623 VIE196615:VIE196623 VSA196615:VSA196623 WBW196615:WBW196623 WLS196615:WLS196623 WVO196615:WVO196623 G262151:G262159 JC262151:JC262159 SY262151:SY262159 ACU262151:ACU262159 AMQ262151:AMQ262159 AWM262151:AWM262159 BGI262151:BGI262159 BQE262151:BQE262159 CAA262151:CAA262159 CJW262151:CJW262159 CTS262151:CTS262159 DDO262151:DDO262159 DNK262151:DNK262159 DXG262151:DXG262159 EHC262151:EHC262159 EQY262151:EQY262159 FAU262151:FAU262159 FKQ262151:FKQ262159 FUM262151:FUM262159 GEI262151:GEI262159 GOE262151:GOE262159 GYA262151:GYA262159 HHW262151:HHW262159 HRS262151:HRS262159 IBO262151:IBO262159 ILK262151:ILK262159 IVG262151:IVG262159 JFC262151:JFC262159 JOY262151:JOY262159 JYU262151:JYU262159 KIQ262151:KIQ262159 KSM262151:KSM262159 LCI262151:LCI262159 LME262151:LME262159 LWA262151:LWA262159 MFW262151:MFW262159 MPS262151:MPS262159 MZO262151:MZO262159 NJK262151:NJK262159 NTG262151:NTG262159 ODC262151:ODC262159 OMY262151:OMY262159 OWU262151:OWU262159 PGQ262151:PGQ262159 PQM262151:PQM262159 QAI262151:QAI262159 QKE262151:QKE262159 QUA262151:QUA262159 RDW262151:RDW262159 RNS262151:RNS262159 RXO262151:RXO262159 SHK262151:SHK262159 SRG262151:SRG262159 TBC262151:TBC262159 TKY262151:TKY262159 TUU262151:TUU262159 UEQ262151:UEQ262159 UOM262151:UOM262159 UYI262151:UYI262159 VIE262151:VIE262159 VSA262151:VSA262159 WBW262151:WBW262159 WLS262151:WLS262159 WVO262151:WVO262159 G327687:G327695 JC327687:JC327695 SY327687:SY327695 ACU327687:ACU327695 AMQ327687:AMQ327695 AWM327687:AWM327695 BGI327687:BGI327695 BQE327687:BQE327695 CAA327687:CAA327695 CJW327687:CJW327695 CTS327687:CTS327695 DDO327687:DDO327695 DNK327687:DNK327695 DXG327687:DXG327695 EHC327687:EHC327695 EQY327687:EQY327695 FAU327687:FAU327695 FKQ327687:FKQ327695 FUM327687:FUM327695 GEI327687:GEI327695 GOE327687:GOE327695 GYA327687:GYA327695 HHW327687:HHW327695 HRS327687:HRS327695 IBO327687:IBO327695 ILK327687:ILK327695 IVG327687:IVG327695 JFC327687:JFC327695 JOY327687:JOY327695 JYU327687:JYU327695 KIQ327687:KIQ327695 KSM327687:KSM327695 LCI327687:LCI327695 LME327687:LME327695 LWA327687:LWA327695 MFW327687:MFW327695 MPS327687:MPS327695 MZO327687:MZO327695 NJK327687:NJK327695 NTG327687:NTG327695 ODC327687:ODC327695 OMY327687:OMY327695 OWU327687:OWU327695 PGQ327687:PGQ327695 PQM327687:PQM327695 QAI327687:QAI327695 QKE327687:QKE327695 QUA327687:QUA327695 RDW327687:RDW327695 RNS327687:RNS327695 RXO327687:RXO327695 SHK327687:SHK327695 SRG327687:SRG327695 TBC327687:TBC327695 TKY327687:TKY327695 TUU327687:TUU327695 UEQ327687:UEQ327695 UOM327687:UOM327695 UYI327687:UYI327695 VIE327687:VIE327695 VSA327687:VSA327695 WBW327687:WBW327695 WLS327687:WLS327695 WVO327687:WVO327695 G393223:G393231 JC393223:JC393231 SY393223:SY393231 ACU393223:ACU393231 AMQ393223:AMQ393231 AWM393223:AWM393231 BGI393223:BGI393231 BQE393223:BQE393231 CAA393223:CAA393231 CJW393223:CJW393231 CTS393223:CTS393231 DDO393223:DDO393231 DNK393223:DNK393231 DXG393223:DXG393231 EHC393223:EHC393231 EQY393223:EQY393231 FAU393223:FAU393231 FKQ393223:FKQ393231 FUM393223:FUM393231 GEI393223:GEI393231 GOE393223:GOE393231 GYA393223:GYA393231 HHW393223:HHW393231 HRS393223:HRS393231 IBO393223:IBO393231 ILK393223:ILK393231 IVG393223:IVG393231 JFC393223:JFC393231 JOY393223:JOY393231 JYU393223:JYU393231 KIQ393223:KIQ393231 KSM393223:KSM393231 LCI393223:LCI393231 LME393223:LME393231 LWA393223:LWA393231 MFW393223:MFW393231 MPS393223:MPS393231 MZO393223:MZO393231 NJK393223:NJK393231 NTG393223:NTG393231 ODC393223:ODC393231 OMY393223:OMY393231 OWU393223:OWU393231 PGQ393223:PGQ393231 PQM393223:PQM393231 QAI393223:QAI393231 QKE393223:QKE393231 QUA393223:QUA393231 RDW393223:RDW393231 RNS393223:RNS393231 RXO393223:RXO393231 SHK393223:SHK393231 SRG393223:SRG393231 TBC393223:TBC393231 TKY393223:TKY393231 TUU393223:TUU393231 UEQ393223:UEQ393231 UOM393223:UOM393231 UYI393223:UYI393231 VIE393223:VIE393231 VSA393223:VSA393231 WBW393223:WBW393231 WLS393223:WLS393231 WVO393223:WVO393231 G458759:G458767 JC458759:JC458767 SY458759:SY458767 ACU458759:ACU458767 AMQ458759:AMQ458767 AWM458759:AWM458767 BGI458759:BGI458767 BQE458759:BQE458767 CAA458759:CAA458767 CJW458759:CJW458767 CTS458759:CTS458767 DDO458759:DDO458767 DNK458759:DNK458767 DXG458759:DXG458767 EHC458759:EHC458767 EQY458759:EQY458767 FAU458759:FAU458767 FKQ458759:FKQ458767 FUM458759:FUM458767 GEI458759:GEI458767 GOE458759:GOE458767 GYA458759:GYA458767 HHW458759:HHW458767 HRS458759:HRS458767 IBO458759:IBO458767 ILK458759:ILK458767 IVG458759:IVG458767 JFC458759:JFC458767 JOY458759:JOY458767 JYU458759:JYU458767 KIQ458759:KIQ458767 KSM458759:KSM458767 LCI458759:LCI458767 LME458759:LME458767 LWA458759:LWA458767 MFW458759:MFW458767 MPS458759:MPS458767 MZO458759:MZO458767 NJK458759:NJK458767 NTG458759:NTG458767 ODC458759:ODC458767 OMY458759:OMY458767 OWU458759:OWU458767 PGQ458759:PGQ458767 PQM458759:PQM458767 QAI458759:QAI458767 QKE458759:QKE458767 QUA458759:QUA458767 RDW458759:RDW458767 RNS458759:RNS458767 RXO458759:RXO458767 SHK458759:SHK458767 SRG458759:SRG458767 TBC458759:TBC458767 TKY458759:TKY458767 TUU458759:TUU458767 UEQ458759:UEQ458767 UOM458759:UOM458767 UYI458759:UYI458767 VIE458759:VIE458767 VSA458759:VSA458767 WBW458759:WBW458767 WLS458759:WLS458767 WVO458759:WVO458767 G524295:G524303 JC524295:JC524303 SY524295:SY524303 ACU524295:ACU524303 AMQ524295:AMQ524303 AWM524295:AWM524303 BGI524295:BGI524303 BQE524295:BQE524303 CAA524295:CAA524303 CJW524295:CJW524303 CTS524295:CTS524303 DDO524295:DDO524303 DNK524295:DNK524303 DXG524295:DXG524303 EHC524295:EHC524303 EQY524295:EQY524303 FAU524295:FAU524303 FKQ524295:FKQ524303 FUM524295:FUM524303 GEI524295:GEI524303 GOE524295:GOE524303 GYA524295:GYA524303 HHW524295:HHW524303 HRS524295:HRS524303 IBO524295:IBO524303 ILK524295:ILK524303 IVG524295:IVG524303 JFC524295:JFC524303 JOY524295:JOY524303 JYU524295:JYU524303 KIQ524295:KIQ524303 KSM524295:KSM524303 LCI524295:LCI524303 LME524295:LME524303 LWA524295:LWA524303 MFW524295:MFW524303 MPS524295:MPS524303 MZO524295:MZO524303 NJK524295:NJK524303 NTG524295:NTG524303 ODC524295:ODC524303 OMY524295:OMY524303 OWU524295:OWU524303 PGQ524295:PGQ524303 PQM524295:PQM524303 QAI524295:QAI524303 QKE524295:QKE524303 QUA524295:QUA524303 RDW524295:RDW524303 RNS524295:RNS524303 RXO524295:RXO524303 SHK524295:SHK524303 SRG524295:SRG524303 TBC524295:TBC524303 TKY524295:TKY524303 TUU524295:TUU524303 UEQ524295:UEQ524303 UOM524295:UOM524303 UYI524295:UYI524303 VIE524295:VIE524303 VSA524295:VSA524303 WBW524295:WBW524303 WLS524295:WLS524303 WVO524295:WVO524303 G589831:G589839 JC589831:JC589839 SY589831:SY589839 ACU589831:ACU589839 AMQ589831:AMQ589839 AWM589831:AWM589839 BGI589831:BGI589839 BQE589831:BQE589839 CAA589831:CAA589839 CJW589831:CJW589839 CTS589831:CTS589839 DDO589831:DDO589839 DNK589831:DNK589839 DXG589831:DXG589839 EHC589831:EHC589839 EQY589831:EQY589839 FAU589831:FAU589839 FKQ589831:FKQ589839 FUM589831:FUM589839 GEI589831:GEI589839 GOE589831:GOE589839 GYA589831:GYA589839 HHW589831:HHW589839 HRS589831:HRS589839 IBO589831:IBO589839 ILK589831:ILK589839 IVG589831:IVG589839 JFC589831:JFC589839 JOY589831:JOY589839 JYU589831:JYU589839 KIQ589831:KIQ589839 KSM589831:KSM589839 LCI589831:LCI589839 LME589831:LME589839 LWA589831:LWA589839 MFW589831:MFW589839 MPS589831:MPS589839 MZO589831:MZO589839 NJK589831:NJK589839 NTG589831:NTG589839 ODC589831:ODC589839 OMY589831:OMY589839 OWU589831:OWU589839 PGQ589831:PGQ589839 PQM589831:PQM589839 QAI589831:QAI589839 QKE589831:QKE589839 QUA589831:QUA589839 RDW589831:RDW589839 RNS589831:RNS589839 RXO589831:RXO589839 SHK589831:SHK589839 SRG589831:SRG589839 TBC589831:TBC589839 TKY589831:TKY589839 TUU589831:TUU589839 UEQ589831:UEQ589839 UOM589831:UOM589839 UYI589831:UYI589839 VIE589831:VIE589839 VSA589831:VSA589839 WBW589831:WBW589839 WLS589831:WLS589839 WVO589831:WVO589839 G655367:G655375 JC655367:JC655375 SY655367:SY655375 ACU655367:ACU655375 AMQ655367:AMQ655375 AWM655367:AWM655375 BGI655367:BGI655375 BQE655367:BQE655375 CAA655367:CAA655375 CJW655367:CJW655375 CTS655367:CTS655375 DDO655367:DDO655375 DNK655367:DNK655375 DXG655367:DXG655375 EHC655367:EHC655375 EQY655367:EQY655375 FAU655367:FAU655375 FKQ655367:FKQ655375 FUM655367:FUM655375 GEI655367:GEI655375 GOE655367:GOE655375 GYA655367:GYA655375 HHW655367:HHW655375 HRS655367:HRS655375 IBO655367:IBO655375 ILK655367:ILK655375 IVG655367:IVG655375 JFC655367:JFC655375 JOY655367:JOY655375 JYU655367:JYU655375 KIQ655367:KIQ655375 KSM655367:KSM655375 LCI655367:LCI655375 LME655367:LME655375 LWA655367:LWA655375 MFW655367:MFW655375 MPS655367:MPS655375 MZO655367:MZO655375 NJK655367:NJK655375 NTG655367:NTG655375 ODC655367:ODC655375 OMY655367:OMY655375 OWU655367:OWU655375 PGQ655367:PGQ655375 PQM655367:PQM655375 QAI655367:QAI655375 QKE655367:QKE655375 QUA655367:QUA655375 RDW655367:RDW655375 RNS655367:RNS655375 RXO655367:RXO655375 SHK655367:SHK655375 SRG655367:SRG655375 TBC655367:TBC655375 TKY655367:TKY655375 TUU655367:TUU655375 UEQ655367:UEQ655375 UOM655367:UOM655375 UYI655367:UYI655375 VIE655367:VIE655375 VSA655367:VSA655375 WBW655367:WBW655375 WLS655367:WLS655375 WVO655367:WVO655375 G720903:G720911 JC720903:JC720911 SY720903:SY720911 ACU720903:ACU720911 AMQ720903:AMQ720911 AWM720903:AWM720911 BGI720903:BGI720911 BQE720903:BQE720911 CAA720903:CAA720911 CJW720903:CJW720911 CTS720903:CTS720911 DDO720903:DDO720911 DNK720903:DNK720911 DXG720903:DXG720911 EHC720903:EHC720911 EQY720903:EQY720911 FAU720903:FAU720911 FKQ720903:FKQ720911 FUM720903:FUM720911 GEI720903:GEI720911 GOE720903:GOE720911 GYA720903:GYA720911 HHW720903:HHW720911 HRS720903:HRS720911 IBO720903:IBO720911 ILK720903:ILK720911 IVG720903:IVG720911 JFC720903:JFC720911 JOY720903:JOY720911 JYU720903:JYU720911 KIQ720903:KIQ720911 KSM720903:KSM720911 LCI720903:LCI720911 LME720903:LME720911 LWA720903:LWA720911 MFW720903:MFW720911 MPS720903:MPS720911 MZO720903:MZO720911 NJK720903:NJK720911 NTG720903:NTG720911 ODC720903:ODC720911 OMY720903:OMY720911 OWU720903:OWU720911 PGQ720903:PGQ720911 PQM720903:PQM720911 QAI720903:QAI720911 QKE720903:QKE720911 QUA720903:QUA720911 RDW720903:RDW720911 RNS720903:RNS720911 RXO720903:RXO720911 SHK720903:SHK720911 SRG720903:SRG720911 TBC720903:TBC720911 TKY720903:TKY720911 TUU720903:TUU720911 UEQ720903:UEQ720911 UOM720903:UOM720911 UYI720903:UYI720911 VIE720903:VIE720911 VSA720903:VSA720911 WBW720903:WBW720911 WLS720903:WLS720911 WVO720903:WVO720911 G786439:G786447 JC786439:JC786447 SY786439:SY786447 ACU786439:ACU786447 AMQ786439:AMQ786447 AWM786439:AWM786447 BGI786439:BGI786447 BQE786439:BQE786447 CAA786439:CAA786447 CJW786439:CJW786447 CTS786439:CTS786447 DDO786439:DDO786447 DNK786439:DNK786447 DXG786439:DXG786447 EHC786439:EHC786447 EQY786439:EQY786447 FAU786439:FAU786447 FKQ786439:FKQ786447 FUM786439:FUM786447 GEI786439:GEI786447 GOE786439:GOE786447 GYA786439:GYA786447 HHW786439:HHW786447 HRS786439:HRS786447 IBO786439:IBO786447 ILK786439:ILK786447 IVG786439:IVG786447 JFC786439:JFC786447 JOY786439:JOY786447 JYU786439:JYU786447 KIQ786439:KIQ786447 KSM786439:KSM786447 LCI786439:LCI786447 LME786439:LME786447 LWA786439:LWA786447 MFW786439:MFW786447 MPS786439:MPS786447 MZO786439:MZO786447 NJK786439:NJK786447 NTG786439:NTG786447 ODC786439:ODC786447 OMY786439:OMY786447 OWU786439:OWU786447 PGQ786439:PGQ786447 PQM786439:PQM786447 QAI786439:QAI786447 QKE786439:QKE786447 QUA786439:QUA786447 RDW786439:RDW786447 RNS786439:RNS786447 RXO786439:RXO786447 SHK786439:SHK786447 SRG786439:SRG786447 TBC786439:TBC786447 TKY786439:TKY786447 TUU786439:TUU786447 UEQ786439:UEQ786447 UOM786439:UOM786447 UYI786439:UYI786447 VIE786439:VIE786447 VSA786439:VSA786447 WBW786439:WBW786447 WLS786439:WLS786447 WVO786439:WVO786447 G851975:G851983 JC851975:JC851983 SY851975:SY851983 ACU851975:ACU851983 AMQ851975:AMQ851983 AWM851975:AWM851983 BGI851975:BGI851983 BQE851975:BQE851983 CAA851975:CAA851983 CJW851975:CJW851983 CTS851975:CTS851983 DDO851975:DDO851983 DNK851975:DNK851983 DXG851975:DXG851983 EHC851975:EHC851983 EQY851975:EQY851983 FAU851975:FAU851983 FKQ851975:FKQ851983 FUM851975:FUM851983 GEI851975:GEI851983 GOE851975:GOE851983 GYA851975:GYA851983 HHW851975:HHW851983 HRS851975:HRS851983 IBO851975:IBO851983 ILK851975:ILK851983 IVG851975:IVG851983 JFC851975:JFC851983 JOY851975:JOY851983 JYU851975:JYU851983 KIQ851975:KIQ851983 KSM851975:KSM851983 LCI851975:LCI851983 LME851975:LME851983 LWA851975:LWA851983 MFW851975:MFW851983 MPS851975:MPS851983 MZO851975:MZO851983 NJK851975:NJK851983 NTG851975:NTG851983 ODC851975:ODC851983 OMY851975:OMY851983 OWU851975:OWU851983 PGQ851975:PGQ851983 PQM851975:PQM851983 QAI851975:QAI851983 QKE851975:QKE851983 QUA851975:QUA851983 RDW851975:RDW851983 RNS851975:RNS851983 RXO851975:RXO851983 SHK851975:SHK851983 SRG851975:SRG851983 TBC851975:TBC851983 TKY851975:TKY851983 TUU851975:TUU851983 UEQ851975:UEQ851983 UOM851975:UOM851983 UYI851975:UYI851983 VIE851975:VIE851983 VSA851975:VSA851983 WBW851975:WBW851983 WLS851975:WLS851983 WVO851975:WVO851983 G917511:G917519 JC917511:JC917519 SY917511:SY917519 ACU917511:ACU917519 AMQ917511:AMQ917519 AWM917511:AWM917519 BGI917511:BGI917519 BQE917511:BQE917519 CAA917511:CAA917519 CJW917511:CJW917519 CTS917511:CTS917519 DDO917511:DDO917519 DNK917511:DNK917519 DXG917511:DXG917519 EHC917511:EHC917519 EQY917511:EQY917519 FAU917511:FAU917519 FKQ917511:FKQ917519 FUM917511:FUM917519 GEI917511:GEI917519 GOE917511:GOE917519 GYA917511:GYA917519 HHW917511:HHW917519 HRS917511:HRS917519 IBO917511:IBO917519 ILK917511:ILK917519 IVG917511:IVG917519 JFC917511:JFC917519 JOY917511:JOY917519 JYU917511:JYU917519 KIQ917511:KIQ917519 KSM917511:KSM917519 LCI917511:LCI917519 LME917511:LME917519 LWA917511:LWA917519 MFW917511:MFW917519 MPS917511:MPS917519 MZO917511:MZO917519 NJK917511:NJK917519 NTG917511:NTG917519 ODC917511:ODC917519 OMY917511:OMY917519 OWU917511:OWU917519 PGQ917511:PGQ917519 PQM917511:PQM917519 QAI917511:QAI917519 QKE917511:QKE917519 QUA917511:QUA917519 RDW917511:RDW917519 RNS917511:RNS917519 RXO917511:RXO917519 SHK917511:SHK917519 SRG917511:SRG917519 TBC917511:TBC917519 TKY917511:TKY917519 TUU917511:TUU917519 UEQ917511:UEQ917519 UOM917511:UOM917519 UYI917511:UYI917519 VIE917511:VIE917519 VSA917511:VSA917519 WBW917511:WBW917519 WLS917511:WLS917519 WVO917511:WVO917519 G983047:G983055 JC983047:JC983055 SY983047:SY983055 ACU983047:ACU983055 AMQ983047:AMQ983055 AWM983047:AWM983055 BGI983047:BGI983055 BQE983047:BQE983055 CAA983047:CAA983055 CJW983047:CJW983055 CTS983047:CTS983055 DDO983047:DDO983055 DNK983047:DNK983055 DXG983047:DXG983055 EHC983047:EHC983055 EQY983047:EQY983055 FAU983047:FAU983055 FKQ983047:FKQ983055 FUM983047:FUM983055 GEI983047:GEI983055 GOE983047:GOE983055 GYA983047:GYA983055 HHW983047:HHW983055 HRS983047:HRS983055 IBO983047:IBO983055 ILK983047:ILK983055 IVG983047:IVG983055 JFC983047:JFC983055 JOY983047:JOY983055 JYU983047:JYU983055 KIQ983047:KIQ983055 KSM983047:KSM983055 LCI983047:LCI983055 LME983047:LME983055 LWA983047:LWA983055 MFW983047:MFW983055 MPS983047:MPS983055 MZO983047:MZO983055 NJK983047:NJK983055 NTG983047:NTG983055 ODC983047:ODC983055 OMY983047:OMY983055 OWU983047:OWU983055 PGQ983047:PGQ983055 PQM983047:PQM983055 QAI983047:QAI983055 QKE983047:QKE983055 QUA983047:QUA983055 RDW983047:RDW983055 RNS983047:RNS983055 RXO983047:RXO983055 SHK983047:SHK983055 SRG983047:SRG983055 TBC983047:TBC983055 TKY983047:TKY983055 TUU983047:TUU983055 UEQ983047:UEQ983055 UOM983047:UOM983055 UYI983047:UYI983055 VIE983047:VIE983055 VSA983047:VSA983055 WBW983047:WBW983055 WLS983047:WLS983055 WVO983047:WVO983055 L7 JH7 TD7 ACZ7 AMV7 AWR7 BGN7 BQJ7 CAF7 CKB7 CTX7 DDT7 DNP7 DXL7 EHH7 ERD7 FAZ7 FKV7 FUR7 GEN7 GOJ7 GYF7 HIB7 HRX7 IBT7 ILP7 IVL7 JFH7 JPD7 JYZ7 KIV7 KSR7 LCN7 LMJ7 LWF7 MGB7 MPX7 MZT7 NJP7 NTL7 ODH7 OND7 OWZ7 PGV7 PQR7 QAN7 QKJ7 QUF7 REB7 RNX7 RXT7 SHP7 SRL7 TBH7 TLD7 TUZ7 UEV7 UOR7 UYN7 VIJ7 VSF7 WCB7 WLX7 WVT7 L65543 JH65543 TD65543 ACZ65543 AMV65543 AWR65543 BGN65543 BQJ65543 CAF65543 CKB65543 CTX65543 DDT65543 DNP65543 DXL65543 EHH65543 ERD65543 FAZ65543 FKV65543 FUR65543 GEN65543 GOJ65543 GYF65543 HIB65543 HRX65543 IBT65543 ILP65543 IVL65543 JFH65543 JPD65543 JYZ65543 KIV65543 KSR65543 LCN65543 LMJ65543 LWF65543 MGB65543 MPX65543 MZT65543 NJP65543 NTL65543 ODH65543 OND65543 OWZ65543 PGV65543 PQR65543 QAN65543 QKJ65543 QUF65543 REB65543 RNX65543 RXT65543 SHP65543 SRL65543 TBH65543 TLD65543 TUZ65543 UEV65543 UOR65543 UYN65543 VIJ65543 VSF65543 WCB65543 WLX65543 WVT65543 L131079 JH131079 TD131079 ACZ131079 AMV131079 AWR131079 BGN131079 BQJ131079 CAF131079 CKB131079 CTX131079 DDT131079 DNP131079 DXL131079 EHH131079 ERD131079 FAZ131079 FKV131079 FUR131079 GEN131079 GOJ131079 GYF131079 HIB131079 HRX131079 IBT131079 ILP131079 IVL131079 JFH131079 JPD131079 JYZ131079 KIV131079 KSR131079 LCN131079 LMJ131079 LWF131079 MGB131079 MPX131079 MZT131079 NJP131079 NTL131079 ODH131079 OND131079 OWZ131079 PGV131079 PQR131079 QAN131079 QKJ131079 QUF131079 REB131079 RNX131079 RXT131079 SHP131079 SRL131079 TBH131079 TLD131079 TUZ131079 UEV131079 UOR131079 UYN131079 VIJ131079 VSF131079 WCB131079 WLX131079 WVT131079 L196615 JH196615 TD196615 ACZ196615 AMV196615 AWR196615 BGN196615 BQJ196615 CAF196615 CKB196615 CTX196615 DDT196615 DNP196615 DXL196615 EHH196615 ERD196615 FAZ196615 FKV196615 FUR196615 GEN196615 GOJ196615 GYF196615 HIB196615 HRX196615 IBT196615 ILP196615 IVL196615 JFH196615 JPD196615 JYZ196615 KIV196615 KSR196615 LCN196615 LMJ196615 LWF196615 MGB196615 MPX196615 MZT196615 NJP196615 NTL196615 ODH196615 OND196615 OWZ196615 PGV196615 PQR196615 QAN196615 QKJ196615 QUF196615 REB196615 RNX196615 RXT196615 SHP196615 SRL196615 TBH196615 TLD196615 TUZ196615 UEV196615 UOR196615 UYN196615 VIJ196615 VSF196615 WCB196615 WLX196615 WVT196615 L262151 JH262151 TD262151 ACZ262151 AMV262151 AWR262151 BGN262151 BQJ262151 CAF262151 CKB262151 CTX262151 DDT262151 DNP262151 DXL262151 EHH262151 ERD262151 FAZ262151 FKV262151 FUR262151 GEN262151 GOJ262151 GYF262151 HIB262151 HRX262151 IBT262151 ILP262151 IVL262151 JFH262151 JPD262151 JYZ262151 KIV262151 KSR262151 LCN262151 LMJ262151 LWF262151 MGB262151 MPX262151 MZT262151 NJP262151 NTL262151 ODH262151 OND262151 OWZ262151 PGV262151 PQR262151 QAN262151 QKJ262151 QUF262151 REB262151 RNX262151 RXT262151 SHP262151 SRL262151 TBH262151 TLD262151 TUZ262151 UEV262151 UOR262151 UYN262151 VIJ262151 VSF262151 WCB262151 WLX262151 WVT262151 L327687 JH327687 TD327687 ACZ327687 AMV327687 AWR327687 BGN327687 BQJ327687 CAF327687 CKB327687 CTX327687 DDT327687 DNP327687 DXL327687 EHH327687 ERD327687 FAZ327687 FKV327687 FUR327687 GEN327687 GOJ327687 GYF327687 HIB327687 HRX327687 IBT327687 ILP327687 IVL327687 JFH327687 JPD327687 JYZ327687 KIV327687 KSR327687 LCN327687 LMJ327687 LWF327687 MGB327687 MPX327687 MZT327687 NJP327687 NTL327687 ODH327687 OND327687 OWZ327687 PGV327687 PQR327687 QAN327687 QKJ327687 QUF327687 REB327687 RNX327687 RXT327687 SHP327687 SRL327687 TBH327687 TLD327687 TUZ327687 UEV327687 UOR327687 UYN327687 VIJ327687 VSF327687 WCB327687 WLX327687 WVT327687 L393223 JH393223 TD393223 ACZ393223 AMV393223 AWR393223 BGN393223 BQJ393223 CAF393223 CKB393223 CTX393223 DDT393223 DNP393223 DXL393223 EHH393223 ERD393223 FAZ393223 FKV393223 FUR393223 GEN393223 GOJ393223 GYF393223 HIB393223 HRX393223 IBT393223 ILP393223 IVL393223 JFH393223 JPD393223 JYZ393223 KIV393223 KSR393223 LCN393223 LMJ393223 LWF393223 MGB393223 MPX393223 MZT393223 NJP393223 NTL393223 ODH393223 OND393223 OWZ393223 PGV393223 PQR393223 QAN393223 QKJ393223 QUF393223 REB393223 RNX393223 RXT393223 SHP393223 SRL393223 TBH393223 TLD393223 TUZ393223 UEV393223 UOR393223 UYN393223 VIJ393223 VSF393223 WCB393223 WLX393223 WVT393223 L458759 JH458759 TD458759 ACZ458759 AMV458759 AWR458759 BGN458759 BQJ458759 CAF458759 CKB458759 CTX458759 DDT458759 DNP458759 DXL458759 EHH458759 ERD458759 FAZ458759 FKV458759 FUR458759 GEN458759 GOJ458759 GYF458759 HIB458759 HRX458759 IBT458759 ILP458759 IVL458759 JFH458759 JPD458759 JYZ458759 KIV458759 KSR458759 LCN458759 LMJ458759 LWF458759 MGB458759 MPX458759 MZT458759 NJP458759 NTL458759 ODH458759 OND458759 OWZ458759 PGV458759 PQR458759 QAN458759 QKJ458759 QUF458759 REB458759 RNX458759 RXT458759 SHP458759 SRL458759 TBH458759 TLD458759 TUZ458759 UEV458759 UOR458759 UYN458759 VIJ458759 VSF458759 WCB458759 WLX458759 WVT458759 L524295 JH524295 TD524295 ACZ524295 AMV524295 AWR524295 BGN524295 BQJ524295 CAF524295 CKB524295 CTX524295 DDT524295 DNP524295 DXL524295 EHH524295 ERD524295 FAZ524295 FKV524295 FUR524295 GEN524295 GOJ524295 GYF524295 HIB524295 HRX524295 IBT524295 ILP524295 IVL524295 JFH524295 JPD524295 JYZ524295 KIV524295 KSR524295 LCN524295 LMJ524295 LWF524295 MGB524295 MPX524295 MZT524295 NJP524295 NTL524295 ODH524295 OND524295 OWZ524295 PGV524295 PQR524295 QAN524295 QKJ524295 QUF524295 REB524295 RNX524295 RXT524295 SHP524295 SRL524295 TBH524295 TLD524295 TUZ524295 UEV524295 UOR524295 UYN524295 VIJ524295 VSF524295 WCB524295 WLX524295 WVT524295 L589831 JH589831 TD589831 ACZ589831 AMV589831 AWR589831 BGN589831 BQJ589831 CAF589831 CKB589831 CTX589831 DDT589831 DNP589831 DXL589831 EHH589831 ERD589831 FAZ589831 FKV589831 FUR589831 GEN589831 GOJ589831 GYF589831 HIB589831 HRX589831 IBT589831 ILP589831 IVL589831 JFH589831 JPD589831 JYZ589831 KIV589831 KSR589831 LCN589831 LMJ589831 LWF589831 MGB589831 MPX589831 MZT589831 NJP589831 NTL589831 ODH589831 OND589831 OWZ589831 PGV589831 PQR589831 QAN589831 QKJ589831 QUF589831 REB589831 RNX589831 RXT589831 SHP589831 SRL589831 TBH589831 TLD589831 TUZ589831 UEV589831 UOR589831 UYN589831 VIJ589831 VSF589831 WCB589831 WLX589831 WVT589831 L655367 JH655367 TD655367 ACZ655367 AMV655367 AWR655367 BGN655367 BQJ655367 CAF655367 CKB655367 CTX655367 DDT655367 DNP655367 DXL655367 EHH655367 ERD655367 FAZ655367 FKV655367 FUR655367 GEN655367 GOJ655367 GYF655367 HIB655367 HRX655367 IBT655367 ILP655367 IVL655367 JFH655367 JPD655367 JYZ655367 KIV655367 KSR655367 LCN655367 LMJ655367 LWF655367 MGB655367 MPX655367 MZT655367 NJP655367 NTL655367 ODH655367 OND655367 OWZ655367 PGV655367 PQR655367 QAN655367 QKJ655367 QUF655367 REB655367 RNX655367 RXT655367 SHP655367 SRL655367 TBH655367 TLD655367 TUZ655367 UEV655367 UOR655367 UYN655367 VIJ655367 VSF655367 WCB655367 WLX655367 WVT655367 L720903 JH720903 TD720903 ACZ720903 AMV720903 AWR720903 BGN720903 BQJ720903 CAF720903 CKB720903 CTX720903 DDT720903 DNP720903 DXL720903 EHH720903 ERD720903 FAZ720903 FKV720903 FUR720903 GEN720903 GOJ720903 GYF720903 HIB720903 HRX720903 IBT720903 ILP720903 IVL720903 JFH720903 JPD720903 JYZ720903 KIV720903 KSR720903 LCN720903 LMJ720903 LWF720903 MGB720903 MPX720903 MZT720903 NJP720903 NTL720903 ODH720903 OND720903 OWZ720903 PGV720903 PQR720903 QAN720903 QKJ720903 QUF720903 REB720903 RNX720903 RXT720903 SHP720903 SRL720903 TBH720903 TLD720903 TUZ720903 UEV720903 UOR720903 UYN720903 VIJ720903 VSF720903 WCB720903 WLX720903 WVT720903 L786439 JH786439 TD786439 ACZ786439 AMV786439 AWR786439 BGN786439 BQJ786439 CAF786439 CKB786439 CTX786439 DDT786439 DNP786439 DXL786439 EHH786439 ERD786439 FAZ786439 FKV786439 FUR786439 GEN786439 GOJ786439 GYF786439 HIB786439 HRX786439 IBT786439 ILP786439 IVL786439 JFH786439 JPD786439 JYZ786439 KIV786439 KSR786439 LCN786439 LMJ786439 LWF786439 MGB786439 MPX786439 MZT786439 NJP786439 NTL786439 ODH786439 OND786439 OWZ786439 PGV786439 PQR786439 QAN786439 QKJ786439 QUF786439 REB786439 RNX786439 RXT786439 SHP786439 SRL786439 TBH786439 TLD786439 TUZ786439 UEV786439 UOR786439 UYN786439 VIJ786439 VSF786439 WCB786439 WLX786439 WVT786439 L851975 JH851975 TD851975 ACZ851975 AMV851975 AWR851975 BGN851975 BQJ851975 CAF851975 CKB851975 CTX851975 DDT851975 DNP851975 DXL851975 EHH851975 ERD851975 FAZ851975 FKV851975 FUR851975 GEN851975 GOJ851975 GYF851975 HIB851975 HRX851975 IBT851975 ILP851975 IVL851975 JFH851975 JPD851975 JYZ851975 KIV851975 KSR851975 LCN851975 LMJ851975 LWF851975 MGB851975 MPX851975 MZT851975 NJP851975 NTL851975 ODH851975 OND851975 OWZ851975 PGV851975 PQR851975 QAN851975 QKJ851975 QUF851975 REB851975 RNX851975 RXT851975 SHP851975 SRL851975 TBH851975 TLD851975 TUZ851975 UEV851975 UOR851975 UYN851975 VIJ851975 VSF851975 WCB851975 WLX851975 WVT851975 L917511 JH917511 TD917511 ACZ917511 AMV917511 AWR917511 BGN917511 BQJ917511 CAF917511 CKB917511 CTX917511 DDT917511 DNP917511 DXL917511 EHH917511 ERD917511 FAZ917511 FKV917511 FUR917511 GEN917511 GOJ917511 GYF917511 HIB917511 HRX917511 IBT917511 ILP917511 IVL917511 JFH917511 JPD917511 JYZ917511 KIV917511 KSR917511 LCN917511 LMJ917511 LWF917511 MGB917511 MPX917511 MZT917511 NJP917511 NTL917511 ODH917511 OND917511 OWZ917511 PGV917511 PQR917511 QAN917511 QKJ917511 QUF917511 REB917511 RNX917511 RXT917511 SHP917511 SRL917511 TBH917511 TLD917511 TUZ917511 UEV917511 UOR917511 UYN917511 VIJ917511 VSF917511 WCB917511 WLX917511 WVT917511 L983047 JH983047 TD983047 ACZ983047 AMV983047 AWR983047 BGN983047 BQJ983047 CAF983047 CKB983047 CTX983047 DDT983047 DNP983047 DXL983047 EHH983047 ERD983047 FAZ983047 FKV983047 FUR983047 GEN983047 GOJ983047 GYF983047 HIB983047 HRX983047 IBT983047 ILP983047 IVL983047 JFH983047 JPD983047 JYZ983047 KIV983047 KSR983047 LCN983047 LMJ983047 LWF983047 MGB983047 MPX983047 MZT983047 NJP983047 NTL983047 ODH983047 OND983047 OWZ983047 PGV983047 PQR983047 QAN983047 QKJ983047 QUF983047 REB983047 RNX983047 RXT983047 SHP983047 SRL983047 TBH983047 TLD983047 TUZ983047 UEV983047 UOR983047 UYN983047 VIJ983047 VSF983047 WCB983047 WLX983047 WVT983047 Q7 JM7 TI7 ADE7 ANA7 AWW7 BGS7 BQO7 CAK7 CKG7 CUC7 DDY7 DNU7 DXQ7 EHM7 ERI7 FBE7 FLA7 FUW7 GES7 GOO7 GYK7 HIG7 HSC7 IBY7 ILU7 IVQ7 JFM7 JPI7 JZE7 KJA7 KSW7 LCS7 LMO7 LWK7 MGG7 MQC7 MZY7 NJU7 NTQ7 ODM7 ONI7 OXE7 PHA7 PQW7 QAS7 QKO7 QUK7 REG7 ROC7 RXY7 SHU7 SRQ7 TBM7 TLI7 TVE7 UFA7 UOW7 UYS7 VIO7 VSK7 WCG7 WMC7 WVY7 Q65543 JM65543 TI65543 ADE65543 ANA65543 AWW65543 BGS65543 BQO65543 CAK65543 CKG65543 CUC65543 DDY65543 DNU65543 DXQ65543 EHM65543 ERI65543 FBE65543 FLA65543 FUW65543 GES65543 GOO65543 GYK65543 HIG65543 HSC65543 IBY65543 ILU65543 IVQ65543 JFM65543 JPI65543 JZE65543 KJA65543 KSW65543 LCS65543 LMO65543 LWK65543 MGG65543 MQC65543 MZY65543 NJU65543 NTQ65543 ODM65543 ONI65543 OXE65543 PHA65543 PQW65543 QAS65543 QKO65543 QUK65543 REG65543 ROC65543 RXY65543 SHU65543 SRQ65543 TBM65543 TLI65543 TVE65543 UFA65543 UOW65543 UYS65543 VIO65543 VSK65543 WCG65543 WMC65543 WVY65543 Q131079 JM131079 TI131079 ADE131079 ANA131079 AWW131079 BGS131079 BQO131079 CAK131079 CKG131079 CUC131079 DDY131079 DNU131079 DXQ131079 EHM131079 ERI131079 FBE131079 FLA131079 FUW131079 GES131079 GOO131079 GYK131079 HIG131079 HSC131079 IBY131079 ILU131079 IVQ131079 JFM131079 JPI131079 JZE131079 KJA131079 KSW131079 LCS131079 LMO131079 LWK131079 MGG131079 MQC131079 MZY131079 NJU131079 NTQ131079 ODM131079 ONI131079 OXE131079 PHA131079 PQW131079 QAS131079 QKO131079 QUK131079 REG131079 ROC131079 RXY131079 SHU131079 SRQ131079 TBM131079 TLI131079 TVE131079 UFA131079 UOW131079 UYS131079 VIO131079 VSK131079 WCG131079 WMC131079 WVY131079 Q196615 JM196615 TI196615 ADE196615 ANA196615 AWW196615 BGS196615 BQO196615 CAK196615 CKG196615 CUC196615 DDY196615 DNU196615 DXQ196615 EHM196615 ERI196615 FBE196615 FLA196615 FUW196615 GES196615 GOO196615 GYK196615 HIG196615 HSC196615 IBY196615 ILU196615 IVQ196615 JFM196615 JPI196615 JZE196615 KJA196615 KSW196615 LCS196615 LMO196615 LWK196615 MGG196615 MQC196615 MZY196615 NJU196615 NTQ196615 ODM196615 ONI196615 OXE196615 PHA196615 PQW196615 QAS196615 QKO196615 QUK196615 REG196615 ROC196615 RXY196615 SHU196615 SRQ196615 TBM196615 TLI196615 TVE196615 UFA196615 UOW196615 UYS196615 VIO196615 VSK196615 WCG196615 WMC196615 WVY196615 Q262151 JM262151 TI262151 ADE262151 ANA262151 AWW262151 BGS262151 BQO262151 CAK262151 CKG262151 CUC262151 DDY262151 DNU262151 DXQ262151 EHM262151 ERI262151 FBE262151 FLA262151 FUW262151 GES262151 GOO262151 GYK262151 HIG262151 HSC262151 IBY262151 ILU262151 IVQ262151 JFM262151 JPI262151 JZE262151 KJA262151 KSW262151 LCS262151 LMO262151 LWK262151 MGG262151 MQC262151 MZY262151 NJU262151 NTQ262151 ODM262151 ONI262151 OXE262151 PHA262151 PQW262151 QAS262151 QKO262151 QUK262151 REG262151 ROC262151 RXY262151 SHU262151 SRQ262151 TBM262151 TLI262151 TVE262151 UFA262151 UOW262151 UYS262151 VIO262151 VSK262151 WCG262151 WMC262151 WVY262151 Q327687 JM327687 TI327687 ADE327687 ANA327687 AWW327687 BGS327687 BQO327687 CAK327687 CKG327687 CUC327687 DDY327687 DNU327687 DXQ327687 EHM327687 ERI327687 FBE327687 FLA327687 FUW327687 GES327687 GOO327687 GYK327687 HIG327687 HSC327687 IBY327687 ILU327687 IVQ327687 JFM327687 JPI327687 JZE327687 KJA327687 KSW327687 LCS327687 LMO327687 LWK327687 MGG327687 MQC327687 MZY327687 NJU327687 NTQ327687 ODM327687 ONI327687 OXE327687 PHA327687 PQW327687 QAS327687 QKO327687 QUK327687 REG327687 ROC327687 RXY327687 SHU327687 SRQ327687 TBM327687 TLI327687 TVE327687 UFA327687 UOW327687 UYS327687 VIO327687 VSK327687 WCG327687 WMC327687 WVY327687 Q393223 JM393223 TI393223 ADE393223 ANA393223 AWW393223 BGS393223 BQO393223 CAK393223 CKG393223 CUC393223 DDY393223 DNU393223 DXQ393223 EHM393223 ERI393223 FBE393223 FLA393223 FUW393223 GES393223 GOO393223 GYK393223 HIG393223 HSC393223 IBY393223 ILU393223 IVQ393223 JFM393223 JPI393223 JZE393223 KJA393223 KSW393223 LCS393223 LMO393223 LWK393223 MGG393223 MQC393223 MZY393223 NJU393223 NTQ393223 ODM393223 ONI393223 OXE393223 PHA393223 PQW393223 QAS393223 QKO393223 QUK393223 REG393223 ROC393223 RXY393223 SHU393223 SRQ393223 TBM393223 TLI393223 TVE393223 UFA393223 UOW393223 UYS393223 VIO393223 VSK393223 WCG393223 WMC393223 WVY393223 Q458759 JM458759 TI458759 ADE458759 ANA458759 AWW458759 BGS458759 BQO458759 CAK458759 CKG458759 CUC458759 DDY458759 DNU458759 DXQ458759 EHM458759 ERI458759 FBE458759 FLA458759 FUW458759 GES458759 GOO458759 GYK458759 HIG458759 HSC458759 IBY458759 ILU458759 IVQ458759 JFM458759 JPI458759 JZE458759 KJA458759 KSW458759 LCS458759 LMO458759 LWK458759 MGG458759 MQC458759 MZY458759 NJU458759 NTQ458759 ODM458759 ONI458759 OXE458759 PHA458759 PQW458759 QAS458759 QKO458759 QUK458759 REG458759 ROC458759 RXY458759 SHU458759 SRQ458759 TBM458759 TLI458759 TVE458759 UFA458759 UOW458759 UYS458759 VIO458759 VSK458759 WCG458759 WMC458759 WVY458759 Q524295 JM524295 TI524295 ADE524295 ANA524295 AWW524295 BGS524295 BQO524295 CAK524295 CKG524295 CUC524295 DDY524295 DNU524295 DXQ524295 EHM524295 ERI524295 FBE524295 FLA524295 FUW524295 GES524295 GOO524295 GYK524295 HIG524295 HSC524295 IBY524295 ILU524295 IVQ524295 JFM524295 JPI524295 JZE524295 KJA524295 KSW524295 LCS524295 LMO524295 LWK524295 MGG524295 MQC524295 MZY524295 NJU524295 NTQ524295 ODM524295 ONI524295 OXE524295 PHA524295 PQW524295 QAS524295 QKO524295 QUK524295 REG524295 ROC524295 RXY524295 SHU524295 SRQ524295 TBM524295 TLI524295 TVE524295 UFA524295 UOW524295 UYS524295 VIO524295 VSK524295 WCG524295 WMC524295 WVY524295 Q589831 JM589831 TI589831 ADE589831 ANA589831 AWW589831 BGS589831 BQO589831 CAK589831 CKG589831 CUC589831 DDY589831 DNU589831 DXQ589831 EHM589831 ERI589831 FBE589831 FLA589831 FUW589831 GES589831 GOO589831 GYK589831 HIG589831 HSC589831 IBY589831 ILU589831 IVQ589831 JFM589831 JPI589831 JZE589831 KJA589831 KSW589831 LCS589831 LMO589831 LWK589831 MGG589831 MQC589831 MZY589831 NJU589831 NTQ589831 ODM589831 ONI589831 OXE589831 PHA589831 PQW589831 QAS589831 QKO589831 QUK589831 REG589831 ROC589831 RXY589831 SHU589831 SRQ589831 TBM589831 TLI589831 TVE589831 UFA589831 UOW589831 UYS589831 VIO589831 VSK589831 WCG589831 WMC589831 WVY589831 Q655367 JM655367 TI655367 ADE655367 ANA655367 AWW655367 BGS655367 BQO655367 CAK655367 CKG655367 CUC655367 DDY655367 DNU655367 DXQ655367 EHM655367 ERI655367 FBE655367 FLA655367 FUW655367 GES655367 GOO655367 GYK655367 HIG655367 HSC655367 IBY655367 ILU655367 IVQ655367 JFM655367 JPI655367 JZE655367 KJA655367 KSW655367 LCS655367 LMO655367 LWK655367 MGG655367 MQC655367 MZY655367 NJU655367 NTQ655367 ODM655367 ONI655367 OXE655367 PHA655367 PQW655367 QAS655367 QKO655367 QUK655367 REG655367 ROC655367 RXY655367 SHU655367 SRQ655367 TBM655367 TLI655367 TVE655367 UFA655367 UOW655367 UYS655367 VIO655367 VSK655367 WCG655367 WMC655367 WVY655367 Q720903 JM720903 TI720903 ADE720903 ANA720903 AWW720903 BGS720903 BQO720903 CAK720903 CKG720903 CUC720903 DDY720903 DNU720903 DXQ720903 EHM720903 ERI720903 FBE720903 FLA720903 FUW720903 GES720903 GOO720903 GYK720903 HIG720903 HSC720903 IBY720903 ILU720903 IVQ720903 JFM720903 JPI720903 JZE720903 KJA720903 KSW720903 LCS720903 LMO720903 LWK720903 MGG720903 MQC720903 MZY720903 NJU720903 NTQ720903 ODM720903 ONI720903 OXE720903 PHA720903 PQW720903 QAS720903 QKO720903 QUK720903 REG720903 ROC720903 RXY720903 SHU720903 SRQ720903 TBM720903 TLI720903 TVE720903 UFA720903 UOW720903 UYS720903 VIO720903 VSK720903 WCG720903 WMC720903 WVY720903 Q786439 JM786439 TI786439 ADE786439 ANA786439 AWW786439 BGS786439 BQO786439 CAK786439 CKG786439 CUC786439 DDY786439 DNU786439 DXQ786439 EHM786439 ERI786439 FBE786439 FLA786439 FUW786439 GES786439 GOO786439 GYK786439 HIG786439 HSC786439 IBY786439 ILU786439 IVQ786439 JFM786439 JPI786439 JZE786439 KJA786439 KSW786439 LCS786439 LMO786439 LWK786439 MGG786439 MQC786439 MZY786439 NJU786439 NTQ786439 ODM786439 ONI786439 OXE786439 PHA786439 PQW786439 QAS786439 QKO786439 QUK786439 REG786439 ROC786439 RXY786439 SHU786439 SRQ786439 TBM786439 TLI786439 TVE786439 UFA786439 UOW786439 UYS786439 VIO786439 VSK786439 WCG786439 WMC786439 WVY786439 Q851975 JM851975 TI851975 ADE851975 ANA851975 AWW851975 BGS851975 BQO851975 CAK851975 CKG851975 CUC851975 DDY851975 DNU851975 DXQ851975 EHM851975 ERI851975 FBE851975 FLA851975 FUW851975 GES851975 GOO851975 GYK851975 HIG851975 HSC851975 IBY851975 ILU851975 IVQ851975 JFM851975 JPI851975 JZE851975 KJA851975 KSW851975 LCS851975 LMO851975 LWK851975 MGG851975 MQC851975 MZY851975 NJU851975 NTQ851975 ODM851975 ONI851975 OXE851975 PHA851975 PQW851975 QAS851975 QKO851975 QUK851975 REG851975 ROC851975 RXY851975 SHU851975 SRQ851975 TBM851975 TLI851975 TVE851975 UFA851975 UOW851975 UYS851975 VIO851975 VSK851975 WCG851975 WMC851975 WVY851975 Q917511 JM917511 TI917511 ADE917511 ANA917511 AWW917511 BGS917511 BQO917511 CAK917511 CKG917511 CUC917511 DDY917511 DNU917511 DXQ917511 EHM917511 ERI917511 FBE917511 FLA917511 FUW917511 GES917511 GOO917511 GYK917511 HIG917511 HSC917511 IBY917511 ILU917511 IVQ917511 JFM917511 JPI917511 JZE917511 KJA917511 KSW917511 LCS917511 LMO917511 LWK917511 MGG917511 MQC917511 MZY917511 NJU917511 NTQ917511 ODM917511 ONI917511 OXE917511 PHA917511 PQW917511 QAS917511 QKO917511 QUK917511 REG917511 ROC917511 RXY917511 SHU917511 SRQ917511 TBM917511 TLI917511 TVE917511 UFA917511 UOW917511 UYS917511 VIO917511 VSK917511 WCG917511 WMC917511 WVY917511 Q983047 JM983047 TI983047 ADE983047 ANA983047 AWW983047 BGS983047 BQO983047 CAK983047 CKG983047 CUC983047 DDY983047 DNU983047 DXQ983047 EHM983047 ERI983047 FBE983047 FLA983047 FUW983047 GES983047 GOO983047 GYK983047 HIG983047 HSC983047 IBY983047 ILU983047 IVQ983047 JFM983047 JPI983047 JZE983047 KJA983047 KSW983047 LCS983047 LMO983047 LWK983047 MGG983047 MQC983047 MZY983047 NJU983047 NTQ983047 ODM983047 ONI983047 OXE983047 PHA983047 PQW983047 QAS983047 QKO983047 QUK983047 REG983047 ROC983047 RXY983047 SHU983047 SRQ983047 TBM983047 TLI983047 TVE983047 UFA983047 UOW983047 UYS983047 VIO983047 VSK983047 WCG983047 WMC983047 WVY983047 V48 JR48 TN48 ADJ48 ANF48 AXB48 BGX48 BQT48 CAP48 CKL48 CUH48 DED48 DNZ48 DXV48 EHR48 ERN48 FBJ48 FLF48 FVB48 GEX48 GOT48 GYP48 HIL48 HSH48 ICD48 ILZ48 IVV48 JFR48 JPN48 JZJ48 KJF48 KTB48 LCX48 LMT48 LWP48 MGL48 MQH48 NAD48 NJZ48 NTV48 ODR48 ONN48 OXJ48 PHF48 PRB48 QAX48 QKT48 QUP48 REL48 ROH48 RYD48 SHZ48 SRV48 TBR48 TLN48 TVJ48 UFF48 UPB48 UYX48 VIT48 VSP48 WCL48 WMH48 WWD48 V65584 JR65584 TN65584 ADJ65584 ANF65584 AXB65584 BGX65584 BQT65584 CAP65584 CKL65584 CUH65584 DED65584 DNZ65584 DXV65584 EHR65584 ERN65584 FBJ65584 FLF65584 FVB65584 GEX65584 GOT65584 GYP65584 HIL65584 HSH65584 ICD65584 ILZ65584 IVV65584 JFR65584 JPN65584 JZJ65584 KJF65584 KTB65584 LCX65584 LMT65584 LWP65584 MGL65584 MQH65584 NAD65584 NJZ65584 NTV65584 ODR65584 ONN65584 OXJ65584 PHF65584 PRB65584 QAX65584 QKT65584 QUP65584 REL65584 ROH65584 RYD65584 SHZ65584 SRV65584 TBR65584 TLN65584 TVJ65584 UFF65584 UPB65584 UYX65584 VIT65584 VSP65584 WCL65584 WMH65584 WWD65584 V131120 JR131120 TN131120 ADJ131120 ANF131120 AXB131120 BGX131120 BQT131120 CAP131120 CKL131120 CUH131120 DED131120 DNZ131120 DXV131120 EHR131120 ERN131120 FBJ131120 FLF131120 FVB131120 GEX131120 GOT131120 GYP131120 HIL131120 HSH131120 ICD131120 ILZ131120 IVV131120 JFR131120 JPN131120 JZJ131120 KJF131120 KTB131120 LCX131120 LMT131120 LWP131120 MGL131120 MQH131120 NAD131120 NJZ131120 NTV131120 ODR131120 ONN131120 OXJ131120 PHF131120 PRB131120 QAX131120 QKT131120 QUP131120 REL131120 ROH131120 RYD131120 SHZ131120 SRV131120 TBR131120 TLN131120 TVJ131120 UFF131120 UPB131120 UYX131120 VIT131120 VSP131120 WCL131120 WMH131120 WWD131120 V196656 JR196656 TN196656 ADJ196656 ANF196656 AXB196656 BGX196656 BQT196656 CAP196656 CKL196656 CUH196656 DED196656 DNZ196656 DXV196656 EHR196656 ERN196656 FBJ196656 FLF196656 FVB196656 GEX196656 GOT196656 GYP196656 HIL196656 HSH196656 ICD196656 ILZ196656 IVV196656 JFR196656 JPN196656 JZJ196656 KJF196656 KTB196656 LCX196656 LMT196656 LWP196656 MGL196656 MQH196656 NAD196656 NJZ196656 NTV196656 ODR196656 ONN196656 OXJ196656 PHF196656 PRB196656 QAX196656 QKT196656 QUP196656 REL196656 ROH196656 RYD196656 SHZ196656 SRV196656 TBR196656 TLN196656 TVJ196656 UFF196656 UPB196656 UYX196656 VIT196656 VSP196656 WCL196656 WMH196656 WWD196656 V262192 JR262192 TN262192 ADJ262192 ANF262192 AXB262192 BGX262192 BQT262192 CAP262192 CKL262192 CUH262192 DED262192 DNZ262192 DXV262192 EHR262192 ERN262192 FBJ262192 FLF262192 FVB262192 GEX262192 GOT262192 GYP262192 HIL262192 HSH262192 ICD262192 ILZ262192 IVV262192 JFR262192 JPN262192 JZJ262192 KJF262192 KTB262192 LCX262192 LMT262192 LWP262192 MGL262192 MQH262192 NAD262192 NJZ262192 NTV262192 ODR262192 ONN262192 OXJ262192 PHF262192 PRB262192 QAX262192 QKT262192 QUP262192 REL262192 ROH262192 RYD262192 SHZ262192 SRV262192 TBR262192 TLN262192 TVJ262192 UFF262192 UPB262192 UYX262192 VIT262192 VSP262192 WCL262192 WMH262192 WWD262192 V327728 JR327728 TN327728 ADJ327728 ANF327728 AXB327728 BGX327728 BQT327728 CAP327728 CKL327728 CUH327728 DED327728 DNZ327728 DXV327728 EHR327728 ERN327728 FBJ327728 FLF327728 FVB327728 GEX327728 GOT327728 GYP327728 HIL327728 HSH327728 ICD327728 ILZ327728 IVV327728 JFR327728 JPN327728 JZJ327728 KJF327728 KTB327728 LCX327728 LMT327728 LWP327728 MGL327728 MQH327728 NAD327728 NJZ327728 NTV327728 ODR327728 ONN327728 OXJ327728 PHF327728 PRB327728 QAX327728 QKT327728 QUP327728 REL327728 ROH327728 RYD327728 SHZ327728 SRV327728 TBR327728 TLN327728 TVJ327728 UFF327728 UPB327728 UYX327728 VIT327728 VSP327728 WCL327728 WMH327728 WWD327728 V393264 JR393264 TN393264 ADJ393264 ANF393264 AXB393264 BGX393264 BQT393264 CAP393264 CKL393264 CUH393264 DED393264 DNZ393264 DXV393264 EHR393264 ERN393264 FBJ393264 FLF393264 FVB393264 GEX393264 GOT393264 GYP393264 HIL393264 HSH393264 ICD393264 ILZ393264 IVV393264 JFR393264 JPN393264 JZJ393264 KJF393264 KTB393264 LCX393264 LMT393264 LWP393264 MGL393264 MQH393264 NAD393264 NJZ393264 NTV393264 ODR393264 ONN393264 OXJ393264 PHF393264 PRB393264 QAX393264 QKT393264 QUP393264 REL393264 ROH393264 RYD393264 SHZ393264 SRV393264 TBR393264 TLN393264 TVJ393264 UFF393264 UPB393264 UYX393264 VIT393264 VSP393264 WCL393264 WMH393264 WWD393264 V458800 JR458800 TN458800 ADJ458800 ANF458800 AXB458800 BGX458800 BQT458800 CAP458800 CKL458800 CUH458800 DED458800 DNZ458800 DXV458800 EHR458800 ERN458800 FBJ458800 FLF458800 FVB458800 GEX458800 GOT458800 GYP458800 HIL458800 HSH458800 ICD458800 ILZ458800 IVV458800 JFR458800 JPN458800 JZJ458800 KJF458800 KTB458800 LCX458800 LMT458800 LWP458800 MGL458800 MQH458800 NAD458800 NJZ458800 NTV458800 ODR458800 ONN458800 OXJ458800 PHF458800 PRB458800 QAX458800 QKT458800 QUP458800 REL458800 ROH458800 RYD458800 SHZ458800 SRV458800 TBR458800 TLN458800 TVJ458800 UFF458800 UPB458800 UYX458800 VIT458800 VSP458800 WCL458800 WMH458800 WWD458800 V524336 JR524336 TN524336 ADJ524336 ANF524336 AXB524336 BGX524336 BQT524336 CAP524336 CKL524336 CUH524336 DED524336 DNZ524336 DXV524336 EHR524336 ERN524336 FBJ524336 FLF524336 FVB524336 GEX524336 GOT524336 GYP524336 HIL524336 HSH524336 ICD524336 ILZ524336 IVV524336 JFR524336 JPN524336 JZJ524336 KJF524336 KTB524336 LCX524336 LMT524336 LWP524336 MGL524336 MQH524336 NAD524336 NJZ524336 NTV524336 ODR524336 ONN524336 OXJ524336 PHF524336 PRB524336 QAX524336 QKT524336 QUP524336 REL524336 ROH524336 RYD524336 SHZ524336 SRV524336 TBR524336 TLN524336 TVJ524336 UFF524336 UPB524336 UYX524336 VIT524336 VSP524336 WCL524336 WMH524336 WWD524336 V589872 JR589872 TN589872 ADJ589872 ANF589872 AXB589872 BGX589872 BQT589872 CAP589872 CKL589872 CUH589872 DED589872 DNZ589872 DXV589872 EHR589872 ERN589872 FBJ589872 FLF589872 FVB589872 GEX589872 GOT589872 GYP589872 HIL589872 HSH589872 ICD589872 ILZ589872 IVV589872 JFR589872 JPN589872 JZJ589872 KJF589872 KTB589872 LCX589872 LMT589872 LWP589872 MGL589872 MQH589872 NAD589872 NJZ589872 NTV589872 ODR589872 ONN589872 OXJ589872 PHF589872 PRB589872 QAX589872 QKT589872 QUP589872 REL589872 ROH589872 RYD589872 SHZ589872 SRV589872 TBR589872 TLN589872 TVJ589872 UFF589872 UPB589872 UYX589872 VIT589872 VSP589872 WCL589872 WMH589872 WWD589872 V655408 JR655408 TN655408 ADJ655408 ANF655408 AXB655408 BGX655408 BQT655408 CAP655408 CKL655408 CUH655408 DED655408 DNZ655408 DXV655408 EHR655408 ERN655408 FBJ655408 FLF655408 FVB655408 GEX655408 GOT655408 GYP655408 HIL655408 HSH655408 ICD655408 ILZ655408 IVV655408 JFR655408 JPN655408 JZJ655408 KJF655408 KTB655408 LCX655408 LMT655408 LWP655408 MGL655408 MQH655408 NAD655408 NJZ655408 NTV655408 ODR655408 ONN655408 OXJ655408 PHF655408 PRB655408 QAX655408 QKT655408 QUP655408 REL655408 ROH655408 RYD655408 SHZ655408 SRV655408 TBR655408 TLN655408 TVJ655408 UFF655408 UPB655408 UYX655408 VIT655408 VSP655408 WCL655408 WMH655408 WWD655408 V720944 JR720944 TN720944 ADJ720944 ANF720944 AXB720944 BGX720944 BQT720944 CAP720944 CKL720944 CUH720944 DED720944 DNZ720944 DXV720944 EHR720944 ERN720944 FBJ720944 FLF720944 FVB720944 GEX720944 GOT720944 GYP720944 HIL720944 HSH720944 ICD720944 ILZ720944 IVV720944 JFR720944 JPN720944 JZJ720944 KJF720944 KTB720944 LCX720944 LMT720944 LWP720944 MGL720944 MQH720944 NAD720944 NJZ720944 NTV720944 ODR720944 ONN720944 OXJ720944 PHF720944 PRB720944 QAX720944 QKT720944 QUP720944 REL720944 ROH720944 RYD720944 SHZ720944 SRV720944 TBR720944 TLN720944 TVJ720944 UFF720944 UPB720944 UYX720944 VIT720944 VSP720944 WCL720944 WMH720944 WWD720944 V786480 JR786480 TN786480 ADJ786480 ANF786480 AXB786480 BGX786480 BQT786480 CAP786480 CKL786480 CUH786480 DED786480 DNZ786480 DXV786480 EHR786480 ERN786480 FBJ786480 FLF786480 FVB786480 GEX786480 GOT786480 GYP786480 HIL786480 HSH786480 ICD786480 ILZ786480 IVV786480 JFR786480 JPN786480 JZJ786480 KJF786480 KTB786480 LCX786480 LMT786480 LWP786480 MGL786480 MQH786480 NAD786480 NJZ786480 NTV786480 ODR786480 ONN786480 OXJ786480 PHF786480 PRB786480 QAX786480 QKT786480 QUP786480 REL786480 ROH786480 RYD786480 SHZ786480 SRV786480 TBR786480 TLN786480 TVJ786480 UFF786480 UPB786480 UYX786480 VIT786480 VSP786480 WCL786480 WMH786480 WWD786480 V852016 JR852016 TN852016 ADJ852016 ANF852016 AXB852016 BGX852016 BQT852016 CAP852016 CKL852016 CUH852016 DED852016 DNZ852016 DXV852016 EHR852016 ERN852016 FBJ852016 FLF852016 FVB852016 GEX852016 GOT852016 GYP852016 HIL852016 HSH852016 ICD852016 ILZ852016 IVV852016 JFR852016 JPN852016 JZJ852016 KJF852016 KTB852016 LCX852016 LMT852016 LWP852016 MGL852016 MQH852016 NAD852016 NJZ852016 NTV852016 ODR852016 ONN852016 OXJ852016 PHF852016 PRB852016 QAX852016 QKT852016 QUP852016 REL852016 ROH852016 RYD852016 SHZ852016 SRV852016 TBR852016 TLN852016 TVJ852016 UFF852016 UPB852016 UYX852016 VIT852016 VSP852016 WCL852016 WMH852016 WWD852016 V917552 JR917552 TN917552 ADJ917552 ANF917552 AXB917552 BGX917552 BQT917552 CAP917552 CKL917552 CUH917552 DED917552 DNZ917552 DXV917552 EHR917552 ERN917552 FBJ917552 FLF917552 FVB917552 GEX917552 GOT917552 GYP917552 HIL917552 HSH917552 ICD917552 ILZ917552 IVV917552 JFR917552 JPN917552 JZJ917552 KJF917552 KTB917552 LCX917552 LMT917552 LWP917552 MGL917552 MQH917552 NAD917552 NJZ917552 NTV917552 ODR917552 ONN917552 OXJ917552 PHF917552 PRB917552 QAX917552 QKT917552 QUP917552 REL917552 ROH917552 RYD917552 SHZ917552 SRV917552 TBR917552 TLN917552 TVJ917552 UFF917552 UPB917552 UYX917552 VIT917552 VSP917552 WCL917552 WMH917552 WWD917552 V983088 JR983088 TN983088 ADJ983088 ANF983088 AXB983088 BGX983088 BQT983088 CAP983088 CKL983088 CUH983088 DED983088 DNZ983088 DXV983088 EHR983088 ERN983088 FBJ983088 FLF983088 FVB983088 GEX983088 GOT983088 GYP983088 HIL983088 HSH983088 ICD983088 ILZ983088 IVV983088 JFR983088 JPN983088 JZJ983088 KJF983088 KTB983088 LCX983088 LMT983088 LWP983088 MGL983088 MQH983088 NAD983088 NJZ983088 NTV983088 ODR983088 ONN983088 OXJ983088 PHF983088 PRB983088 QAX983088 QKT983088 QUP983088 REL983088 ROH983088 RYD983088 SHZ983088 SRV983088 TBR983088 TLN983088 TVJ983088 UFF983088 UPB983088 UYX983088 VIT983088 VSP983088 WCL983088 WMH983088 WWD983088 X48 JT48 TP48 ADL48 ANH48 AXD48 BGZ48 BQV48 CAR48 CKN48 CUJ48 DEF48 DOB48 DXX48 EHT48 ERP48 FBL48 FLH48 FVD48 GEZ48 GOV48 GYR48 HIN48 HSJ48 ICF48 IMB48 IVX48 JFT48 JPP48 JZL48 KJH48 KTD48 LCZ48 LMV48 LWR48 MGN48 MQJ48 NAF48 NKB48 NTX48 ODT48 ONP48 OXL48 PHH48 PRD48 QAZ48 QKV48 QUR48 REN48 ROJ48 RYF48 SIB48 SRX48 TBT48 TLP48 TVL48 UFH48 UPD48 UYZ48 VIV48 VSR48 WCN48 WMJ48 WWF48 X65584 JT65584 TP65584 ADL65584 ANH65584 AXD65584 BGZ65584 BQV65584 CAR65584 CKN65584 CUJ65584 DEF65584 DOB65584 DXX65584 EHT65584 ERP65584 FBL65584 FLH65584 FVD65584 GEZ65584 GOV65584 GYR65584 HIN65584 HSJ65584 ICF65584 IMB65584 IVX65584 JFT65584 JPP65584 JZL65584 KJH65584 KTD65584 LCZ65584 LMV65584 LWR65584 MGN65584 MQJ65584 NAF65584 NKB65584 NTX65584 ODT65584 ONP65584 OXL65584 PHH65584 PRD65584 QAZ65584 QKV65584 QUR65584 REN65584 ROJ65584 RYF65584 SIB65584 SRX65584 TBT65584 TLP65584 TVL65584 UFH65584 UPD65584 UYZ65584 VIV65584 VSR65584 WCN65584 WMJ65584 WWF65584 X131120 JT131120 TP131120 ADL131120 ANH131120 AXD131120 BGZ131120 BQV131120 CAR131120 CKN131120 CUJ131120 DEF131120 DOB131120 DXX131120 EHT131120 ERP131120 FBL131120 FLH131120 FVD131120 GEZ131120 GOV131120 GYR131120 HIN131120 HSJ131120 ICF131120 IMB131120 IVX131120 JFT131120 JPP131120 JZL131120 KJH131120 KTD131120 LCZ131120 LMV131120 LWR131120 MGN131120 MQJ131120 NAF131120 NKB131120 NTX131120 ODT131120 ONP131120 OXL131120 PHH131120 PRD131120 QAZ131120 QKV131120 QUR131120 REN131120 ROJ131120 RYF131120 SIB131120 SRX131120 TBT131120 TLP131120 TVL131120 UFH131120 UPD131120 UYZ131120 VIV131120 VSR131120 WCN131120 WMJ131120 WWF131120 X196656 JT196656 TP196656 ADL196656 ANH196656 AXD196656 BGZ196656 BQV196656 CAR196656 CKN196656 CUJ196656 DEF196656 DOB196656 DXX196656 EHT196656 ERP196656 FBL196656 FLH196656 FVD196656 GEZ196656 GOV196656 GYR196656 HIN196656 HSJ196656 ICF196656 IMB196656 IVX196656 JFT196656 JPP196656 JZL196656 KJH196656 KTD196656 LCZ196656 LMV196656 LWR196656 MGN196656 MQJ196656 NAF196656 NKB196656 NTX196656 ODT196656 ONP196656 OXL196656 PHH196656 PRD196656 QAZ196656 QKV196656 QUR196656 REN196656 ROJ196656 RYF196656 SIB196656 SRX196656 TBT196656 TLP196656 TVL196656 UFH196656 UPD196656 UYZ196656 VIV196656 VSR196656 WCN196656 WMJ196656 WWF196656 X262192 JT262192 TP262192 ADL262192 ANH262192 AXD262192 BGZ262192 BQV262192 CAR262192 CKN262192 CUJ262192 DEF262192 DOB262192 DXX262192 EHT262192 ERP262192 FBL262192 FLH262192 FVD262192 GEZ262192 GOV262192 GYR262192 HIN262192 HSJ262192 ICF262192 IMB262192 IVX262192 JFT262192 JPP262192 JZL262192 KJH262192 KTD262192 LCZ262192 LMV262192 LWR262192 MGN262192 MQJ262192 NAF262192 NKB262192 NTX262192 ODT262192 ONP262192 OXL262192 PHH262192 PRD262192 QAZ262192 QKV262192 QUR262192 REN262192 ROJ262192 RYF262192 SIB262192 SRX262192 TBT262192 TLP262192 TVL262192 UFH262192 UPD262192 UYZ262192 VIV262192 VSR262192 WCN262192 WMJ262192 WWF262192 X327728 JT327728 TP327728 ADL327728 ANH327728 AXD327728 BGZ327728 BQV327728 CAR327728 CKN327728 CUJ327728 DEF327728 DOB327728 DXX327728 EHT327728 ERP327728 FBL327728 FLH327728 FVD327728 GEZ327728 GOV327728 GYR327728 HIN327728 HSJ327728 ICF327728 IMB327728 IVX327728 JFT327728 JPP327728 JZL327728 KJH327728 KTD327728 LCZ327728 LMV327728 LWR327728 MGN327728 MQJ327728 NAF327728 NKB327728 NTX327728 ODT327728 ONP327728 OXL327728 PHH327728 PRD327728 QAZ327728 QKV327728 QUR327728 REN327728 ROJ327728 RYF327728 SIB327728 SRX327728 TBT327728 TLP327728 TVL327728 UFH327728 UPD327728 UYZ327728 VIV327728 VSR327728 WCN327728 WMJ327728 WWF327728 X393264 JT393264 TP393264 ADL393264 ANH393264 AXD393264 BGZ393264 BQV393264 CAR393264 CKN393264 CUJ393264 DEF393264 DOB393264 DXX393264 EHT393264 ERP393264 FBL393264 FLH393264 FVD393264 GEZ393264 GOV393264 GYR393264 HIN393264 HSJ393264 ICF393264 IMB393264 IVX393264 JFT393264 JPP393264 JZL393264 KJH393264 KTD393264 LCZ393264 LMV393264 LWR393264 MGN393264 MQJ393264 NAF393264 NKB393264 NTX393264 ODT393264 ONP393264 OXL393264 PHH393264 PRD393264 QAZ393264 QKV393264 QUR393264 REN393264 ROJ393264 RYF393264 SIB393264 SRX393264 TBT393264 TLP393264 TVL393264 UFH393264 UPD393264 UYZ393264 VIV393264 VSR393264 WCN393264 WMJ393264 WWF393264 X458800 JT458800 TP458800 ADL458800 ANH458800 AXD458800 BGZ458800 BQV458800 CAR458800 CKN458800 CUJ458800 DEF458800 DOB458800 DXX458800 EHT458800 ERP458800 FBL458800 FLH458800 FVD458800 GEZ458800 GOV458800 GYR458800 HIN458800 HSJ458800 ICF458800 IMB458800 IVX458800 JFT458800 JPP458800 JZL458800 KJH458800 KTD458800 LCZ458800 LMV458800 LWR458800 MGN458800 MQJ458800 NAF458800 NKB458800 NTX458800 ODT458800 ONP458800 OXL458800 PHH458800 PRD458800 QAZ458800 QKV458800 QUR458800 REN458800 ROJ458800 RYF458800 SIB458800 SRX458800 TBT458800 TLP458800 TVL458800 UFH458800 UPD458800 UYZ458800 VIV458800 VSR458800 WCN458800 WMJ458800 WWF458800 X524336 JT524336 TP524336 ADL524336 ANH524336 AXD524336 BGZ524336 BQV524336 CAR524336 CKN524336 CUJ524336 DEF524336 DOB524336 DXX524336 EHT524336 ERP524336 FBL524336 FLH524336 FVD524336 GEZ524336 GOV524336 GYR524336 HIN524336 HSJ524336 ICF524336 IMB524336 IVX524336 JFT524336 JPP524336 JZL524336 KJH524336 KTD524336 LCZ524336 LMV524336 LWR524336 MGN524336 MQJ524336 NAF524336 NKB524336 NTX524336 ODT524336 ONP524336 OXL524336 PHH524336 PRD524336 QAZ524336 QKV524336 QUR524336 REN524336 ROJ524336 RYF524336 SIB524336 SRX524336 TBT524336 TLP524336 TVL524336 UFH524336 UPD524336 UYZ524336 VIV524336 VSR524336 WCN524336 WMJ524336 WWF524336 X589872 JT589872 TP589872 ADL589872 ANH589872 AXD589872 BGZ589872 BQV589872 CAR589872 CKN589872 CUJ589872 DEF589872 DOB589872 DXX589872 EHT589872 ERP589872 FBL589872 FLH589872 FVD589872 GEZ589872 GOV589872 GYR589872 HIN589872 HSJ589872 ICF589872 IMB589872 IVX589872 JFT589872 JPP589872 JZL589872 KJH589872 KTD589872 LCZ589872 LMV589872 LWR589872 MGN589872 MQJ589872 NAF589872 NKB589872 NTX589872 ODT589872 ONP589872 OXL589872 PHH589872 PRD589872 QAZ589872 QKV589872 QUR589872 REN589872 ROJ589872 RYF589872 SIB589872 SRX589872 TBT589872 TLP589872 TVL589872 UFH589872 UPD589872 UYZ589872 VIV589872 VSR589872 WCN589872 WMJ589872 WWF589872 X655408 JT655408 TP655408 ADL655408 ANH655408 AXD655408 BGZ655408 BQV655408 CAR655408 CKN655408 CUJ655408 DEF655408 DOB655408 DXX655408 EHT655408 ERP655408 FBL655408 FLH655408 FVD655408 GEZ655408 GOV655408 GYR655408 HIN655408 HSJ655408 ICF655408 IMB655408 IVX655408 JFT655408 JPP655408 JZL655408 KJH655408 KTD655408 LCZ655408 LMV655408 LWR655408 MGN655408 MQJ655408 NAF655408 NKB655408 NTX655408 ODT655408 ONP655408 OXL655408 PHH655408 PRD655408 QAZ655408 QKV655408 QUR655408 REN655408 ROJ655408 RYF655408 SIB655408 SRX655408 TBT655408 TLP655408 TVL655408 UFH655408 UPD655408 UYZ655408 VIV655408 VSR655408 WCN655408 WMJ655408 WWF655408 X720944 JT720944 TP720944 ADL720944 ANH720944 AXD720944 BGZ720944 BQV720944 CAR720944 CKN720944 CUJ720944 DEF720944 DOB720944 DXX720944 EHT720944 ERP720944 FBL720944 FLH720944 FVD720944 GEZ720944 GOV720944 GYR720944 HIN720944 HSJ720944 ICF720944 IMB720944 IVX720944 JFT720944 JPP720944 JZL720944 KJH720944 KTD720944 LCZ720944 LMV720944 LWR720944 MGN720944 MQJ720944 NAF720944 NKB720944 NTX720944 ODT720944 ONP720944 OXL720944 PHH720944 PRD720944 QAZ720944 QKV720944 QUR720944 REN720944 ROJ720944 RYF720944 SIB720944 SRX720944 TBT720944 TLP720944 TVL720944 UFH720944 UPD720944 UYZ720944 VIV720944 VSR720944 WCN720944 WMJ720944 WWF720944 X786480 JT786480 TP786480 ADL786480 ANH786480 AXD786480 BGZ786480 BQV786480 CAR786480 CKN786480 CUJ786480 DEF786480 DOB786480 DXX786480 EHT786480 ERP786480 FBL786480 FLH786480 FVD786480 GEZ786480 GOV786480 GYR786480 HIN786480 HSJ786480 ICF786480 IMB786480 IVX786480 JFT786480 JPP786480 JZL786480 KJH786480 KTD786480 LCZ786480 LMV786480 LWR786480 MGN786480 MQJ786480 NAF786480 NKB786480 NTX786480 ODT786480 ONP786480 OXL786480 PHH786480 PRD786480 QAZ786480 QKV786480 QUR786480 REN786480 ROJ786480 RYF786480 SIB786480 SRX786480 TBT786480 TLP786480 TVL786480 UFH786480 UPD786480 UYZ786480 VIV786480 VSR786480 WCN786480 WMJ786480 WWF786480 X852016 JT852016 TP852016 ADL852016 ANH852016 AXD852016 BGZ852016 BQV852016 CAR852016 CKN852016 CUJ852016 DEF852016 DOB852016 DXX852016 EHT852016 ERP852016 FBL852016 FLH852016 FVD852016 GEZ852016 GOV852016 GYR852016 HIN852016 HSJ852016 ICF852016 IMB852016 IVX852016 JFT852016 JPP852016 JZL852016 KJH852016 KTD852016 LCZ852016 LMV852016 LWR852016 MGN852016 MQJ852016 NAF852016 NKB852016 NTX852016 ODT852016 ONP852016 OXL852016 PHH852016 PRD852016 QAZ852016 QKV852016 QUR852016 REN852016 ROJ852016 RYF852016 SIB852016 SRX852016 TBT852016 TLP852016 TVL852016 UFH852016 UPD852016 UYZ852016 VIV852016 VSR852016 WCN852016 WMJ852016 WWF852016 X917552 JT917552 TP917552 ADL917552 ANH917552 AXD917552 BGZ917552 BQV917552 CAR917552 CKN917552 CUJ917552 DEF917552 DOB917552 DXX917552 EHT917552 ERP917552 FBL917552 FLH917552 FVD917552 GEZ917552 GOV917552 GYR917552 HIN917552 HSJ917552 ICF917552 IMB917552 IVX917552 JFT917552 JPP917552 JZL917552 KJH917552 KTD917552 LCZ917552 LMV917552 LWR917552 MGN917552 MQJ917552 NAF917552 NKB917552 NTX917552 ODT917552 ONP917552 OXL917552 PHH917552 PRD917552 QAZ917552 QKV917552 QUR917552 REN917552 ROJ917552 RYF917552 SIB917552 SRX917552 TBT917552 TLP917552 TVL917552 UFH917552 UPD917552 UYZ917552 VIV917552 VSR917552 WCN917552 WMJ917552 WWF917552 X983088 JT983088 TP983088 ADL983088 ANH983088 AXD983088 BGZ983088 BQV983088 CAR983088 CKN983088 CUJ983088 DEF983088 DOB983088 DXX983088 EHT983088 ERP983088 FBL983088 FLH983088 FVD983088 GEZ983088 GOV983088 GYR983088 HIN983088 HSJ983088 ICF983088 IMB983088 IVX983088 JFT983088 JPP983088 JZL983088 KJH983088 KTD983088 LCZ983088 LMV983088 LWR983088 MGN983088 MQJ983088 NAF983088 NKB983088 NTX983088 ODT983088 ONP983088 OXL983088 PHH983088 PRD983088 QAZ983088 QKV983088 QUR983088 REN983088 ROJ983088 RYF983088 SIB983088 SRX983088 TBT983088 TLP983088 TVL983088 UFH983088 UPD983088 UYZ983088 VIV983088 VSR983088 WCN983088 WMJ983088 WWF983088 V51:V52 JR51:JR52 TN51:TN52 ADJ51:ADJ52 ANF51:ANF52 AXB51:AXB52 BGX51:BGX52 BQT51:BQT52 CAP51:CAP52 CKL51:CKL52 CUH51:CUH52 DED51:DED52 DNZ51:DNZ52 DXV51:DXV52 EHR51:EHR52 ERN51:ERN52 FBJ51:FBJ52 FLF51:FLF52 FVB51:FVB52 GEX51:GEX52 GOT51:GOT52 GYP51:GYP52 HIL51:HIL52 HSH51:HSH52 ICD51:ICD52 ILZ51:ILZ52 IVV51:IVV52 JFR51:JFR52 JPN51:JPN52 JZJ51:JZJ52 KJF51:KJF52 KTB51:KTB52 LCX51:LCX52 LMT51:LMT52 LWP51:LWP52 MGL51:MGL52 MQH51:MQH52 NAD51:NAD52 NJZ51:NJZ52 NTV51:NTV52 ODR51:ODR52 ONN51:ONN52 OXJ51:OXJ52 PHF51:PHF52 PRB51:PRB52 QAX51:QAX52 QKT51:QKT52 QUP51:QUP52 REL51:REL52 ROH51:ROH52 RYD51:RYD52 SHZ51:SHZ52 SRV51:SRV52 TBR51:TBR52 TLN51:TLN52 TVJ51:TVJ52 UFF51:UFF52 UPB51:UPB52 UYX51:UYX52 VIT51:VIT52 VSP51:VSP52 WCL51:WCL52 WMH51:WMH52 WWD51:WWD52 V65587:V65588 JR65587:JR65588 TN65587:TN65588 ADJ65587:ADJ65588 ANF65587:ANF65588 AXB65587:AXB65588 BGX65587:BGX65588 BQT65587:BQT65588 CAP65587:CAP65588 CKL65587:CKL65588 CUH65587:CUH65588 DED65587:DED65588 DNZ65587:DNZ65588 DXV65587:DXV65588 EHR65587:EHR65588 ERN65587:ERN65588 FBJ65587:FBJ65588 FLF65587:FLF65588 FVB65587:FVB65588 GEX65587:GEX65588 GOT65587:GOT65588 GYP65587:GYP65588 HIL65587:HIL65588 HSH65587:HSH65588 ICD65587:ICD65588 ILZ65587:ILZ65588 IVV65587:IVV65588 JFR65587:JFR65588 JPN65587:JPN65588 JZJ65587:JZJ65588 KJF65587:KJF65588 KTB65587:KTB65588 LCX65587:LCX65588 LMT65587:LMT65588 LWP65587:LWP65588 MGL65587:MGL65588 MQH65587:MQH65588 NAD65587:NAD65588 NJZ65587:NJZ65588 NTV65587:NTV65588 ODR65587:ODR65588 ONN65587:ONN65588 OXJ65587:OXJ65588 PHF65587:PHF65588 PRB65587:PRB65588 QAX65587:QAX65588 QKT65587:QKT65588 QUP65587:QUP65588 REL65587:REL65588 ROH65587:ROH65588 RYD65587:RYD65588 SHZ65587:SHZ65588 SRV65587:SRV65588 TBR65587:TBR65588 TLN65587:TLN65588 TVJ65587:TVJ65588 UFF65587:UFF65588 UPB65587:UPB65588 UYX65587:UYX65588 VIT65587:VIT65588 VSP65587:VSP65588 WCL65587:WCL65588 WMH65587:WMH65588 WWD65587:WWD65588 V131123:V131124 JR131123:JR131124 TN131123:TN131124 ADJ131123:ADJ131124 ANF131123:ANF131124 AXB131123:AXB131124 BGX131123:BGX131124 BQT131123:BQT131124 CAP131123:CAP131124 CKL131123:CKL131124 CUH131123:CUH131124 DED131123:DED131124 DNZ131123:DNZ131124 DXV131123:DXV131124 EHR131123:EHR131124 ERN131123:ERN131124 FBJ131123:FBJ131124 FLF131123:FLF131124 FVB131123:FVB131124 GEX131123:GEX131124 GOT131123:GOT131124 GYP131123:GYP131124 HIL131123:HIL131124 HSH131123:HSH131124 ICD131123:ICD131124 ILZ131123:ILZ131124 IVV131123:IVV131124 JFR131123:JFR131124 JPN131123:JPN131124 JZJ131123:JZJ131124 KJF131123:KJF131124 KTB131123:KTB131124 LCX131123:LCX131124 LMT131123:LMT131124 LWP131123:LWP131124 MGL131123:MGL131124 MQH131123:MQH131124 NAD131123:NAD131124 NJZ131123:NJZ131124 NTV131123:NTV131124 ODR131123:ODR131124 ONN131123:ONN131124 OXJ131123:OXJ131124 PHF131123:PHF131124 PRB131123:PRB131124 QAX131123:QAX131124 QKT131123:QKT131124 QUP131123:QUP131124 REL131123:REL131124 ROH131123:ROH131124 RYD131123:RYD131124 SHZ131123:SHZ131124 SRV131123:SRV131124 TBR131123:TBR131124 TLN131123:TLN131124 TVJ131123:TVJ131124 UFF131123:UFF131124 UPB131123:UPB131124 UYX131123:UYX131124 VIT131123:VIT131124 VSP131123:VSP131124 WCL131123:WCL131124 WMH131123:WMH131124 WWD131123:WWD131124 V196659:V196660 JR196659:JR196660 TN196659:TN196660 ADJ196659:ADJ196660 ANF196659:ANF196660 AXB196659:AXB196660 BGX196659:BGX196660 BQT196659:BQT196660 CAP196659:CAP196660 CKL196659:CKL196660 CUH196659:CUH196660 DED196659:DED196660 DNZ196659:DNZ196660 DXV196659:DXV196660 EHR196659:EHR196660 ERN196659:ERN196660 FBJ196659:FBJ196660 FLF196659:FLF196660 FVB196659:FVB196660 GEX196659:GEX196660 GOT196659:GOT196660 GYP196659:GYP196660 HIL196659:HIL196660 HSH196659:HSH196660 ICD196659:ICD196660 ILZ196659:ILZ196660 IVV196659:IVV196660 JFR196659:JFR196660 JPN196659:JPN196660 JZJ196659:JZJ196660 KJF196659:KJF196660 KTB196659:KTB196660 LCX196659:LCX196660 LMT196659:LMT196660 LWP196659:LWP196660 MGL196659:MGL196660 MQH196659:MQH196660 NAD196659:NAD196660 NJZ196659:NJZ196660 NTV196659:NTV196660 ODR196659:ODR196660 ONN196659:ONN196660 OXJ196659:OXJ196660 PHF196659:PHF196660 PRB196659:PRB196660 QAX196659:QAX196660 QKT196659:QKT196660 QUP196659:QUP196660 REL196659:REL196660 ROH196659:ROH196660 RYD196659:RYD196660 SHZ196659:SHZ196660 SRV196659:SRV196660 TBR196659:TBR196660 TLN196659:TLN196660 TVJ196659:TVJ196660 UFF196659:UFF196660 UPB196659:UPB196660 UYX196659:UYX196660 VIT196659:VIT196660 VSP196659:VSP196660 WCL196659:WCL196660 WMH196659:WMH196660 WWD196659:WWD196660 V262195:V262196 JR262195:JR262196 TN262195:TN262196 ADJ262195:ADJ262196 ANF262195:ANF262196 AXB262195:AXB262196 BGX262195:BGX262196 BQT262195:BQT262196 CAP262195:CAP262196 CKL262195:CKL262196 CUH262195:CUH262196 DED262195:DED262196 DNZ262195:DNZ262196 DXV262195:DXV262196 EHR262195:EHR262196 ERN262195:ERN262196 FBJ262195:FBJ262196 FLF262195:FLF262196 FVB262195:FVB262196 GEX262195:GEX262196 GOT262195:GOT262196 GYP262195:GYP262196 HIL262195:HIL262196 HSH262195:HSH262196 ICD262195:ICD262196 ILZ262195:ILZ262196 IVV262195:IVV262196 JFR262195:JFR262196 JPN262195:JPN262196 JZJ262195:JZJ262196 KJF262195:KJF262196 KTB262195:KTB262196 LCX262195:LCX262196 LMT262195:LMT262196 LWP262195:LWP262196 MGL262195:MGL262196 MQH262195:MQH262196 NAD262195:NAD262196 NJZ262195:NJZ262196 NTV262195:NTV262196 ODR262195:ODR262196 ONN262195:ONN262196 OXJ262195:OXJ262196 PHF262195:PHF262196 PRB262195:PRB262196 QAX262195:QAX262196 QKT262195:QKT262196 QUP262195:QUP262196 REL262195:REL262196 ROH262195:ROH262196 RYD262195:RYD262196 SHZ262195:SHZ262196 SRV262195:SRV262196 TBR262195:TBR262196 TLN262195:TLN262196 TVJ262195:TVJ262196 UFF262195:UFF262196 UPB262195:UPB262196 UYX262195:UYX262196 VIT262195:VIT262196 VSP262195:VSP262196 WCL262195:WCL262196 WMH262195:WMH262196 WWD262195:WWD262196 V327731:V327732 JR327731:JR327732 TN327731:TN327732 ADJ327731:ADJ327732 ANF327731:ANF327732 AXB327731:AXB327732 BGX327731:BGX327732 BQT327731:BQT327732 CAP327731:CAP327732 CKL327731:CKL327732 CUH327731:CUH327732 DED327731:DED327732 DNZ327731:DNZ327732 DXV327731:DXV327732 EHR327731:EHR327732 ERN327731:ERN327732 FBJ327731:FBJ327732 FLF327731:FLF327732 FVB327731:FVB327732 GEX327731:GEX327732 GOT327731:GOT327732 GYP327731:GYP327732 HIL327731:HIL327732 HSH327731:HSH327732 ICD327731:ICD327732 ILZ327731:ILZ327732 IVV327731:IVV327732 JFR327731:JFR327732 JPN327731:JPN327732 JZJ327731:JZJ327732 KJF327731:KJF327732 KTB327731:KTB327732 LCX327731:LCX327732 LMT327731:LMT327732 LWP327731:LWP327732 MGL327731:MGL327732 MQH327731:MQH327732 NAD327731:NAD327732 NJZ327731:NJZ327732 NTV327731:NTV327732 ODR327731:ODR327732 ONN327731:ONN327732 OXJ327731:OXJ327732 PHF327731:PHF327732 PRB327731:PRB327732 QAX327731:QAX327732 QKT327731:QKT327732 QUP327731:QUP327732 REL327731:REL327732 ROH327731:ROH327732 RYD327731:RYD327732 SHZ327731:SHZ327732 SRV327731:SRV327732 TBR327731:TBR327732 TLN327731:TLN327732 TVJ327731:TVJ327732 UFF327731:UFF327732 UPB327731:UPB327732 UYX327731:UYX327732 VIT327731:VIT327732 VSP327731:VSP327732 WCL327731:WCL327732 WMH327731:WMH327732 WWD327731:WWD327732 V393267:V393268 JR393267:JR393268 TN393267:TN393268 ADJ393267:ADJ393268 ANF393267:ANF393268 AXB393267:AXB393268 BGX393267:BGX393268 BQT393267:BQT393268 CAP393267:CAP393268 CKL393267:CKL393268 CUH393267:CUH393268 DED393267:DED393268 DNZ393267:DNZ393268 DXV393267:DXV393268 EHR393267:EHR393268 ERN393267:ERN393268 FBJ393267:FBJ393268 FLF393267:FLF393268 FVB393267:FVB393268 GEX393267:GEX393268 GOT393267:GOT393268 GYP393267:GYP393268 HIL393267:HIL393268 HSH393267:HSH393268 ICD393267:ICD393268 ILZ393267:ILZ393268 IVV393267:IVV393268 JFR393267:JFR393268 JPN393267:JPN393268 JZJ393267:JZJ393268 KJF393267:KJF393268 KTB393267:KTB393268 LCX393267:LCX393268 LMT393267:LMT393268 LWP393267:LWP393268 MGL393267:MGL393268 MQH393267:MQH393268 NAD393267:NAD393268 NJZ393267:NJZ393268 NTV393267:NTV393268 ODR393267:ODR393268 ONN393267:ONN393268 OXJ393267:OXJ393268 PHF393267:PHF393268 PRB393267:PRB393268 QAX393267:QAX393268 QKT393267:QKT393268 QUP393267:QUP393268 REL393267:REL393268 ROH393267:ROH393268 RYD393267:RYD393268 SHZ393267:SHZ393268 SRV393267:SRV393268 TBR393267:TBR393268 TLN393267:TLN393268 TVJ393267:TVJ393268 UFF393267:UFF393268 UPB393267:UPB393268 UYX393267:UYX393268 VIT393267:VIT393268 VSP393267:VSP393268 WCL393267:WCL393268 WMH393267:WMH393268 WWD393267:WWD393268 V458803:V458804 JR458803:JR458804 TN458803:TN458804 ADJ458803:ADJ458804 ANF458803:ANF458804 AXB458803:AXB458804 BGX458803:BGX458804 BQT458803:BQT458804 CAP458803:CAP458804 CKL458803:CKL458804 CUH458803:CUH458804 DED458803:DED458804 DNZ458803:DNZ458804 DXV458803:DXV458804 EHR458803:EHR458804 ERN458803:ERN458804 FBJ458803:FBJ458804 FLF458803:FLF458804 FVB458803:FVB458804 GEX458803:GEX458804 GOT458803:GOT458804 GYP458803:GYP458804 HIL458803:HIL458804 HSH458803:HSH458804 ICD458803:ICD458804 ILZ458803:ILZ458804 IVV458803:IVV458804 JFR458803:JFR458804 JPN458803:JPN458804 JZJ458803:JZJ458804 KJF458803:KJF458804 KTB458803:KTB458804 LCX458803:LCX458804 LMT458803:LMT458804 LWP458803:LWP458804 MGL458803:MGL458804 MQH458803:MQH458804 NAD458803:NAD458804 NJZ458803:NJZ458804 NTV458803:NTV458804 ODR458803:ODR458804 ONN458803:ONN458804 OXJ458803:OXJ458804 PHF458803:PHF458804 PRB458803:PRB458804 QAX458803:QAX458804 QKT458803:QKT458804 QUP458803:QUP458804 REL458803:REL458804 ROH458803:ROH458804 RYD458803:RYD458804 SHZ458803:SHZ458804 SRV458803:SRV458804 TBR458803:TBR458804 TLN458803:TLN458804 TVJ458803:TVJ458804 UFF458803:UFF458804 UPB458803:UPB458804 UYX458803:UYX458804 VIT458803:VIT458804 VSP458803:VSP458804 WCL458803:WCL458804 WMH458803:WMH458804 WWD458803:WWD458804 V524339:V524340 JR524339:JR524340 TN524339:TN524340 ADJ524339:ADJ524340 ANF524339:ANF524340 AXB524339:AXB524340 BGX524339:BGX524340 BQT524339:BQT524340 CAP524339:CAP524340 CKL524339:CKL524340 CUH524339:CUH524340 DED524339:DED524340 DNZ524339:DNZ524340 DXV524339:DXV524340 EHR524339:EHR524340 ERN524339:ERN524340 FBJ524339:FBJ524340 FLF524339:FLF524340 FVB524339:FVB524340 GEX524339:GEX524340 GOT524339:GOT524340 GYP524339:GYP524340 HIL524339:HIL524340 HSH524339:HSH524340 ICD524339:ICD524340 ILZ524339:ILZ524340 IVV524339:IVV524340 JFR524339:JFR524340 JPN524339:JPN524340 JZJ524339:JZJ524340 KJF524339:KJF524340 KTB524339:KTB524340 LCX524339:LCX524340 LMT524339:LMT524340 LWP524339:LWP524340 MGL524339:MGL524340 MQH524339:MQH524340 NAD524339:NAD524340 NJZ524339:NJZ524340 NTV524339:NTV524340 ODR524339:ODR524340 ONN524339:ONN524340 OXJ524339:OXJ524340 PHF524339:PHF524340 PRB524339:PRB524340 QAX524339:QAX524340 QKT524339:QKT524340 QUP524339:QUP524340 REL524339:REL524340 ROH524339:ROH524340 RYD524339:RYD524340 SHZ524339:SHZ524340 SRV524339:SRV524340 TBR524339:TBR524340 TLN524339:TLN524340 TVJ524339:TVJ524340 UFF524339:UFF524340 UPB524339:UPB524340 UYX524339:UYX524340 VIT524339:VIT524340 VSP524339:VSP524340 WCL524339:WCL524340 WMH524339:WMH524340 WWD524339:WWD524340 V589875:V589876 JR589875:JR589876 TN589875:TN589876 ADJ589875:ADJ589876 ANF589875:ANF589876 AXB589875:AXB589876 BGX589875:BGX589876 BQT589875:BQT589876 CAP589875:CAP589876 CKL589875:CKL589876 CUH589875:CUH589876 DED589875:DED589876 DNZ589875:DNZ589876 DXV589875:DXV589876 EHR589875:EHR589876 ERN589875:ERN589876 FBJ589875:FBJ589876 FLF589875:FLF589876 FVB589875:FVB589876 GEX589875:GEX589876 GOT589875:GOT589876 GYP589875:GYP589876 HIL589875:HIL589876 HSH589875:HSH589876 ICD589875:ICD589876 ILZ589875:ILZ589876 IVV589875:IVV589876 JFR589875:JFR589876 JPN589875:JPN589876 JZJ589875:JZJ589876 KJF589875:KJF589876 KTB589875:KTB589876 LCX589875:LCX589876 LMT589875:LMT589876 LWP589875:LWP589876 MGL589875:MGL589876 MQH589875:MQH589876 NAD589875:NAD589876 NJZ589875:NJZ589876 NTV589875:NTV589876 ODR589875:ODR589876 ONN589875:ONN589876 OXJ589875:OXJ589876 PHF589875:PHF589876 PRB589875:PRB589876 QAX589875:QAX589876 QKT589875:QKT589876 QUP589875:QUP589876 REL589875:REL589876 ROH589875:ROH589876 RYD589875:RYD589876 SHZ589875:SHZ589876 SRV589875:SRV589876 TBR589875:TBR589876 TLN589875:TLN589876 TVJ589875:TVJ589876 UFF589875:UFF589876 UPB589875:UPB589876 UYX589875:UYX589876 VIT589875:VIT589876 VSP589875:VSP589876 WCL589875:WCL589876 WMH589875:WMH589876 WWD589875:WWD589876 V655411:V655412 JR655411:JR655412 TN655411:TN655412 ADJ655411:ADJ655412 ANF655411:ANF655412 AXB655411:AXB655412 BGX655411:BGX655412 BQT655411:BQT655412 CAP655411:CAP655412 CKL655411:CKL655412 CUH655411:CUH655412 DED655411:DED655412 DNZ655411:DNZ655412 DXV655411:DXV655412 EHR655411:EHR655412 ERN655411:ERN655412 FBJ655411:FBJ655412 FLF655411:FLF655412 FVB655411:FVB655412 GEX655411:GEX655412 GOT655411:GOT655412 GYP655411:GYP655412 HIL655411:HIL655412 HSH655411:HSH655412 ICD655411:ICD655412 ILZ655411:ILZ655412 IVV655411:IVV655412 JFR655411:JFR655412 JPN655411:JPN655412 JZJ655411:JZJ655412 KJF655411:KJF655412 KTB655411:KTB655412 LCX655411:LCX655412 LMT655411:LMT655412 LWP655411:LWP655412 MGL655411:MGL655412 MQH655411:MQH655412 NAD655411:NAD655412 NJZ655411:NJZ655412 NTV655411:NTV655412 ODR655411:ODR655412 ONN655411:ONN655412 OXJ655411:OXJ655412 PHF655411:PHF655412 PRB655411:PRB655412 QAX655411:QAX655412 QKT655411:QKT655412 QUP655411:QUP655412 REL655411:REL655412 ROH655411:ROH655412 RYD655411:RYD655412 SHZ655411:SHZ655412 SRV655411:SRV655412 TBR655411:TBR655412 TLN655411:TLN655412 TVJ655411:TVJ655412 UFF655411:UFF655412 UPB655411:UPB655412 UYX655411:UYX655412 VIT655411:VIT655412 VSP655411:VSP655412 WCL655411:WCL655412 WMH655411:WMH655412 WWD655411:WWD655412 V720947:V720948 JR720947:JR720948 TN720947:TN720948 ADJ720947:ADJ720948 ANF720947:ANF720948 AXB720947:AXB720948 BGX720947:BGX720948 BQT720947:BQT720948 CAP720947:CAP720948 CKL720947:CKL720948 CUH720947:CUH720948 DED720947:DED720948 DNZ720947:DNZ720948 DXV720947:DXV720948 EHR720947:EHR720948 ERN720947:ERN720948 FBJ720947:FBJ720948 FLF720947:FLF720948 FVB720947:FVB720948 GEX720947:GEX720948 GOT720947:GOT720948 GYP720947:GYP720948 HIL720947:HIL720948 HSH720947:HSH720948 ICD720947:ICD720948 ILZ720947:ILZ720948 IVV720947:IVV720948 JFR720947:JFR720948 JPN720947:JPN720948 JZJ720947:JZJ720948 KJF720947:KJF720948 KTB720947:KTB720948 LCX720947:LCX720948 LMT720947:LMT720948 LWP720947:LWP720948 MGL720947:MGL720948 MQH720947:MQH720948 NAD720947:NAD720948 NJZ720947:NJZ720948 NTV720947:NTV720948 ODR720947:ODR720948 ONN720947:ONN720948 OXJ720947:OXJ720948 PHF720947:PHF720948 PRB720947:PRB720948 QAX720947:QAX720948 QKT720947:QKT720948 QUP720947:QUP720948 REL720947:REL720948 ROH720947:ROH720948 RYD720947:RYD720948 SHZ720947:SHZ720948 SRV720947:SRV720948 TBR720947:TBR720948 TLN720947:TLN720948 TVJ720947:TVJ720948 UFF720947:UFF720948 UPB720947:UPB720948 UYX720947:UYX720948 VIT720947:VIT720948 VSP720947:VSP720948 WCL720947:WCL720948 WMH720947:WMH720948 WWD720947:WWD720948 V786483:V786484 JR786483:JR786484 TN786483:TN786484 ADJ786483:ADJ786484 ANF786483:ANF786484 AXB786483:AXB786484 BGX786483:BGX786484 BQT786483:BQT786484 CAP786483:CAP786484 CKL786483:CKL786484 CUH786483:CUH786484 DED786483:DED786484 DNZ786483:DNZ786484 DXV786483:DXV786484 EHR786483:EHR786484 ERN786483:ERN786484 FBJ786483:FBJ786484 FLF786483:FLF786484 FVB786483:FVB786484 GEX786483:GEX786484 GOT786483:GOT786484 GYP786483:GYP786484 HIL786483:HIL786484 HSH786483:HSH786484 ICD786483:ICD786484 ILZ786483:ILZ786484 IVV786483:IVV786484 JFR786483:JFR786484 JPN786483:JPN786484 JZJ786483:JZJ786484 KJF786483:KJF786484 KTB786483:KTB786484 LCX786483:LCX786484 LMT786483:LMT786484 LWP786483:LWP786484 MGL786483:MGL786484 MQH786483:MQH786484 NAD786483:NAD786484 NJZ786483:NJZ786484 NTV786483:NTV786484 ODR786483:ODR786484 ONN786483:ONN786484 OXJ786483:OXJ786484 PHF786483:PHF786484 PRB786483:PRB786484 QAX786483:QAX786484 QKT786483:QKT786484 QUP786483:QUP786484 REL786483:REL786484 ROH786483:ROH786484 RYD786483:RYD786484 SHZ786483:SHZ786484 SRV786483:SRV786484 TBR786483:TBR786484 TLN786483:TLN786484 TVJ786483:TVJ786484 UFF786483:UFF786484 UPB786483:UPB786484 UYX786483:UYX786484 VIT786483:VIT786484 VSP786483:VSP786484 WCL786483:WCL786484 WMH786483:WMH786484 WWD786483:WWD786484 V852019:V852020 JR852019:JR852020 TN852019:TN852020 ADJ852019:ADJ852020 ANF852019:ANF852020 AXB852019:AXB852020 BGX852019:BGX852020 BQT852019:BQT852020 CAP852019:CAP852020 CKL852019:CKL852020 CUH852019:CUH852020 DED852019:DED852020 DNZ852019:DNZ852020 DXV852019:DXV852020 EHR852019:EHR852020 ERN852019:ERN852020 FBJ852019:FBJ852020 FLF852019:FLF852020 FVB852019:FVB852020 GEX852019:GEX852020 GOT852019:GOT852020 GYP852019:GYP852020 HIL852019:HIL852020 HSH852019:HSH852020 ICD852019:ICD852020 ILZ852019:ILZ852020 IVV852019:IVV852020 JFR852019:JFR852020 JPN852019:JPN852020 JZJ852019:JZJ852020 KJF852019:KJF852020 KTB852019:KTB852020 LCX852019:LCX852020 LMT852019:LMT852020 LWP852019:LWP852020 MGL852019:MGL852020 MQH852019:MQH852020 NAD852019:NAD852020 NJZ852019:NJZ852020 NTV852019:NTV852020 ODR852019:ODR852020 ONN852019:ONN852020 OXJ852019:OXJ852020 PHF852019:PHF852020 PRB852019:PRB852020 QAX852019:QAX852020 QKT852019:QKT852020 QUP852019:QUP852020 REL852019:REL852020 ROH852019:ROH852020 RYD852019:RYD852020 SHZ852019:SHZ852020 SRV852019:SRV852020 TBR852019:TBR852020 TLN852019:TLN852020 TVJ852019:TVJ852020 UFF852019:UFF852020 UPB852019:UPB852020 UYX852019:UYX852020 VIT852019:VIT852020 VSP852019:VSP852020 WCL852019:WCL852020 WMH852019:WMH852020 WWD852019:WWD852020 V917555:V917556 JR917555:JR917556 TN917555:TN917556 ADJ917555:ADJ917556 ANF917555:ANF917556 AXB917555:AXB917556 BGX917555:BGX917556 BQT917555:BQT917556 CAP917555:CAP917556 CKL917555:CKL917556 CUH917555:CUH917556 DED917555:DED917556 DNZ917555:DNZ917556 DXV917555:DXV917556 EHR917555:EHR917556 ERN917555:ERN917556 FBJ917555:FBJ917556 FLF917555:FLF917556 FVB917555:FVB917556 GEX917555:GEX917556 GOT917555:GOT917556 GYP917555:GYP917556 HIL917555:HIL917556 HSH917555:HSH917556 ICD917555:ICD917556 ILZ917555:ILZ917556 IVV917555:IVV917556 JFR917555:JFR917556 JPN917555:JPN917556 JZJ917555:JZJ917556 KJF917555:KJF917556 KTB917555:KTB917556 LCX917555:LCX917556 LMT917555:LMT917556 LWP917555:LWP917556 MGL917555:MGL917556 MQH917555:MQH917556 NAD917555:NAD917556 NJZ917555:NJZ917556 NTV917555:NTV917556 ODR917555:ODR917556 ONN917555:ONN917556 OXJ917555:OXJ917556 PHF917555:PHF917556 PRB917555:PRB917556 QAX917555:QAX917556 QKT917555:QKT917556 QUP917555:QUP917556 REL917555:REL917556 ROH917555:ROH917556 RYD917555:RYD917556 SHZ917555:SHZ917556 SRV917555:SRV917556 TBR917555:TBR917556 TLN917555:TLN917556 TVJ917555:TVJ917556 UFF917555:UFF917556 UPB917555:UPB917556 UYX917555:UYX917556 VIT917555:VIT917556 VSP917555:VSP917556 WCL917555:WCL917556 WMH917555:WMH917556 WWD917555:WWD917556 V983091:V983092 JR983091:JR983092 TN983091:TN983092 ADJ983091:ADJ983092 ANF983091:ANF983092 AXB983091:AXB983092 BGX983091:BGX983092 BQT983091:BQT983092 CAP983091:CAP983092 CKL983091:CKL983092 CUH983091:CUH983092 DED983091:DED983092 DNZ983091:DNZ983092 DXV983091:DXV983092 EHR983091:EHR983092 ERN983091:ERN983092 FBJ983091:FBJ983092 FLF983091:FLF983092 FVB983091:FVB983092 GEX983091:GEX983092 GOT983091:GOT983092 GYP983091:GYP983092 HIL983091:HIL983092 HSH983091:HSH983092 ICD983091:ICD983092 ILZ983091:ILZ983092 IVV983091:IVV983092 JFR983091:JFR983092 JPN983091:JPN983092 JZJ983091:JZJ983092 KJF983091:KJF983092 KTB983091:KTB983092 LCX983091:LCX983092 LMT983091:LMT983092 LWP983091:LWP983092 MGL983091:MGL983092 MQH983091:MQH983092 NAD983091:NAD983092 NJZ983091:NJZ983092 NTV983091:NTV983092 ODR983091:ODR983092 ONN983091:ONN983092 OXJ983091:OXJ983092 PHF983091:PHF983092 PRB983091:PRB983092 QAX983091:QAX983092 QKT983091:QKT983092 QUP983091:QUP983092 REL983091:REL983092 ROH983091:ROH983092 RYD983091:RYD983092 SHZ983091:SHZ983092 SRV983091:SRV983092 TBR983091:TBR983092 TLN983091:TLN983092 TVJ983091:TVJ983092 UFF983091:UFF983092 UPB983091:UPB983092 UYX983091:UYX983092 VIT983091:VIT983092 VSP983091:VSP983092 WCL983091:WCL983092 WMH983091:WMH983092 WWD983091:WWD983092 X51:X52 JT51:JT52 TP51:TP52 ADL51:ADL52 ANH51:ANH52 AXD51:AXD52 BGZ51:BGZ52 BQV51:BQV52 CAR51:CAR52 CKN51:CKN52 CUJ51:CUJ52 DEF51:DEF52 DOB51:DOB52 DXX51:DXX52 EHT51:EHT52 ERP51:ERP52 FBL51:FBL52 FLH51:FLH52 FVD51:FVD52 GEZ51:GEZ52 GOV51:GOV52 GYR51:GYR52 HIN51:HIN52 HSJ51:HSJ52 ICF51:ICF52 IMB51:IMB52 IVX51:IVX52 JFT51:JFT52 JPP51:JPP52 JZL51:JZL52 KJH51:KJH52 KTD51:KTD52 LCZ51:LCZ52 LMV51:LMV52 LWR51:LWR52 MGN51:MGN52 MQJ51:MQJ52 NAF51:NAF52 NKB51:NKB52 NTX51:NTX52 ODT51:ODT52 ONP51:ONP52 OXL51:OXL52 PHH51:PHH52 PRD51:PRD52 QAZ51:QAZ52 QKV51:QKV52 QUR51:QUR52 REN51:REN52 ROJ51:ROJ52 RYF51:RYF52 SIB51:SIB52 SRX51:SRX52 TBT51:TBT52 TLP51:TLP52 TVL51:TVL52 UFH51:UFH52 UPD51:UPD52 UYZ51:UYZ52 VIV51:VIV52 VSR51:VSR52 WCN51:WCN52 WMJ51:WMJ52 WWF51:WWF52 X65587:X65588 JT65587:JT65588 TP65587:TP65588 ADL65587:ADL65588 ANH65587:ANH65588 AXD65587:AXD65588 BGZ65587:BGZ65588 BQV65587:BQV65588 CAR65587:CAR65588 CKN65587:CKN65588 CUJ65587:CUJ65588 DEF65587:DEF65588 DOB65587:DOB65588 DXX65587:DXX65588 EHT65587:EHT65588 ERP65587:ERP65588 FBL65587:FBL65588 FLH65587:FLH65588 FVD65587:FVD65588 GEZ65587:GEZ65588 GOV65587:GOV65588 GYR65587:GYR65588 HIN65587:HIN65588 HSJ65587:HSJ65588 ICF65587:ICF65588 IMB65587:IMB65588 IVX65587:IVX65588 JFT65587:JFT65588 JPP65587:JPP65588 JZL65587:JZL65588 KJH65587:KJH65588 KTD65587:KTD65588 LCZ65587:LCZ65588 LMV65587:LMV65588 LWR65587:LWR65588 MGN65587:MGN65588 MQJ65587:MQJ65588 NAF65587:NAF65588 NKB65587:NKB65588 NTX65587:NTX65588 ODT65587:ODT65588 ONP65587:ONP65588 OXL65587:OXL65588 PHH65587:PHH65588 PRD65587:PRD65588 QAZ65587:QAZ65588 QKV65587:QKV65588 QUR65587:QUR65588 REN65587:REN65588 ROJ65587:ROJ65588 RYF65587:RYF65588 SIB65587:SIB65588 SRX65587:SRX65588 TBT65587:TBT65588 TLP65587:TLP65588 TVL65587:TVL65588 UFH65587:UFH65588 UPD65587:UPD65588 UYZ65587:UYZ65588 VIV65587:VIV65588 VSR65587:VSR65588 WCN65587:WCN65588 WMJ65587:WMJ65588 WWF65587:WWF65588 X131123:X131124 JT131123:JT131124 TP131123:TP131124 ADL131123:ADL131124 ANH131123:ANH131124 AXD131123:AXD131124 BGZ131123:BGZ131124 BQV131123:BQV131124 CAR131123:CAR131124 CKN131123:CKN131124 CUJ131123:CUJ131124 DEF131123:DEF131124 DOB131123:DOB131124 DXX131123:DXX131124 EHT131123:EHT131124 ERP131123:ERP131124 FBL131123:FBL131124 FLH131123:FLH131124 FVD131123:FVD131124 GEZ131123:GEZ131124 GOV131123:GOV131124 GYR131123:GYR131124 HIN131123:HIN131124 HSJ131123:HSJ131124 ICF131123:ICF131124 IMB131123:IMB131124 IVX131123:IVX131124 JFT131123:JFT131124 JPP131123:JPP131124 JZL131123:JZL131124 KJH131123:KJH131124 KTD131123:KTD131124 LCZ131123:LCZ131124 LMV131123:LMV131124 LWR131123:LWR131124 MGN131123:MGN131124 MQJ131123:MQJ131124 NAF131123:NAF131124 NKB131123:NKB131124 NTX131123:NTX131124 ODT131123:ODT131124 ONP131123:ONP131124 OXL131123:OXL131124 PHH131123:PHH131124 PRD131123:PRD131124 QAZ131123:QAZ131124 QKV131123:QKV131124 QUR131123:QUR131124 REN131123:REN131124 ROJ131123:ROJ131124 RYF131123:RYF131124 SIB131123:SIB131124 SRX131123:SRX131124 TBT131123:TBT131124 TLP131123:TLP131124 TVL131123:TVL131124 UFH131123:UFH131124 UPD131123:UPD131124 UYZ131123:UYZ131124 VIV131123:VIV131124 VSR131123:VSR131124 WCN131123:WCN131124 WMJ131123:WMJ131124 WWF131123:WWF131124 X196659:X196660 JT196659:JT196660 TP196659:TP196660 ADL196659:ADL196660 ANH196659:ANH196660 AXD196659:AXD196660 BGZ196659:BGZ196660 BQV196659:BQV196660 CAR196659:CAR196660 CKN196659:CKN196660 CUJ196659:CUJ196660 DEF196659:DEF196660 DOB196659:DOB196660 DXX196659:DXX196660 EHT196659:EHT196660 ERP196659:ERP196660 FBL196659:FBL196660 FLH196659:FLH196660 FVD196659:FVD196660 GEZ196659:GEZ196660 GOV196659:GOV196660 GYR196659:GYR196660 HIN196659:HIN196660 HSJ196659:HSJ196660 ICF196659:ICF196660 IMB196659:IMB196660 IVX196659:IVX196660 JFT196659:JFT196660 JPP196659:JPP196660 JZL196659:JZL196660 KJH196659:KJH196660 KTD196659:KTD196660 LCZ196659:LCZ196660 LMV196659:LMV196660 LWR196659:LWR196660 MGN196659:MGN196660 MQJ196659:MQJ196660 NAF196659:NAF196660 NKB196659:NKB196660 NTX196659:NTX196660 ODT196659:ODT196660 ONP196659:ONP196660 OXL196659:OXL196660 PHH196659:PHH196660 PRD196659:PRD196660 QAZ196659:QAZ196660 QKV196659:QKV196660 QUR196659:QUR196660 REN196659:REN196660 ROJ196659:ROJ196660 RYF196659:RYF196660 SIB196659:SIB196660 SRX196659:SRX196660 TBT196659:TBT196660 TLP196659:TLP196660 TVL196659:TVL196660 UFH196659:UFH196660 UPD196659:UPD196660 UYZ196659:UYZ196660 VIV196659:VIV196660 VSR196659:VSR196660 WCN196659:WCN196660 WMJ196659:WMJ196660 WWF196659:WWF196660 X262195:X262196 JT262195:JT262196 TP262195:TP262196 ADL262195:ADL262196 ANH262195:ANH262196 AXD262195:AXD262196 BGZ262195:BGZ262196 BQV262195:BQV262196 CAR262195:CAR262196 CKN262195:CKN262196 CUJ262195:CUJ262196 DEF262195:DEF262196 DOB262195:DOB262196 DXX262195:DXX262196 EHT262195:EHT262196 ERP262195:ERP262196 FBL262195:FBL262196 FLH262195:FLH262196 FVD262195:FVD262196 GEZ262195:GEZ262196 GOV262195:GOV262196 GYR262195:GYR262196 HIN262195:HIN262196 HSJ262195:HSJ262196 ICF262195:ICF262196 IMB262195:IMB262196 IVX262195:IVX262196 JFT262195:JFT262196 JPP262195:JPP262196 JZL262195:JZL262196 KJH262195:KJH262196 KTD262195:KTD262196 LCZ262195:LCZ262196 LMV262195:LMV262196 LWR262195:LWR262196 MGN262195:MGN262196 MQJ262195:MQJ262196 NAF262195:NAF262196 NKB262195:NKB262196 NTX262195:NTX262196 ODT262195:ODT262196 ONP262195:ONP262196 OXL262195:OXL262196 PHH262195:PHH262196 PRD262195:PRD262196 QAZ262195:QAZ262196 QKV262195:QKV262196 QUR262195:QUR262196 REN262195:REN262196 ROJ262195:ROJ262196 RYF262195:RYF262196 SIB262195:SIB262196 SRX262195:SRX262196 TBT262195:TBT262196 TLP262195:TLP262196 TVL262195:TVL262196 UFH262195:UFH262196 UPD262195:UPD262196 UYZ262195:UYZ262196 VIV262195:VIV262196 VSR262195:VSR262196 WCN262195:WCN262196 WMJ262195:WMJ262196 WWF262195:WWF262196 X327731:X327732 JT327731:JT327732 TP327731:TP327732 ADL327731:ADL327732 ANH327731:ANH327732 AXD327731:AXD327732 BGZ327731:BGZ327732 BQV327731:BQV327732 CAR327731:CAR327732 CKN327731:CKN327732 CUJ327731:CUJ327732 DEF327731:DEF327732 DOB327731:DOB327732 DXX327731:DXX327732 EHT327731:EHT327732 ERP327731:ERP327732 FBL327731:FBL327732 FLH327731:FLH327732 FVD327731:FVD327732 GEZ327731:GEZ327732 GOV327731:GOV327732 GYR327731:GYR327732 HIN327731:HIN327732 HSJ327731:HSJ327732 ICF327731:ICF327732 IMB327731:IMB327732 IVX327731:IVX327732 JFT327731:JFT327732 JPP327731:JPP327732 JZL327731:JZL327732 KJH327731:KJH327732 KTD327731:KTD327732 LCZ327731:LCZ327732 LMV327731:LMV327732 LWR327731:LWR327732 MGN327731:MGN327732 MQJ327731:MQJ327732 NAF327731:NAF327732 NKB327731:NKB327732 NTX327731:NTX327732 ODT327731:ODT327732 ONP327731:ONP327732 OXL327731:OXL327732 PHH327731:PHH327732 PRD327731:PRD327732 QAZ327731:QAZ327732 QKV327731:QKV327732 QUR327731:QUR327732 REN327731:REN327732 ROJ327731:ROJ327732 RYF327731:RYF327732 SIB327731:SIB327732 SRX327731:SRX327732 TBT327731:TBT327732 TLP327731:TLP327732 TVL327731:TVL327732 UFH327731:UFH327732 UPD327731:UPD327732 UYZ327731:UYZ327732 VIV327731:VIV327732 VSR327731:VSR327732 WCN327731:WCN327732 WMJ327731:WMJ327732 WWF327731:WWF327732 X393267:X393268 JT393267:JT393268 TP393267:TP393268 ADL393267:ADL393268 ANH393267:ANH393268 AXD393267:AXD393268 BGZ393267:BGZ393268 BQV393267:BQV393268 CAR393267:CAR393268 CKN393267:CKN393268 CUJ393267:CUJ393268 DEF393267:DEF393268 DOB393267:DOB393268 DXX393267:DXX393268 EHT393267:EHT393268 ERP393267:ERP393268 FBL393267:FBL393268 FLH393267:FLH393268 FVD393267:FVD393268 GEZ393267:GEZ393268 GOV393267:GOV393268 GYR393267:GYR393268 HIN393267:HIN393268 HSJ393267:HSJ393268 ICF393267:ICF393268 IMB393267:IMB393268 IVX393267:IVX393268 JFT393267:JFT393268 JPP393267:JPP393268 JZL393267:JZL393268 KJH393267:KJH393268 KTD393267:KTD393268 LCZ393267:LCZ393268 LMV393267:LMV393268 LWR393267:LWR393268 MGN393267:MGN393268 MQJ393267:MQJ393268 NAF393267:NAF393268 NKB393267:NKB393268 NTX393267:NTX393268 ODT393267:ODT393268 ONP393267:ONP393268 OXL393267:OXL393268 PHH393267:PHH393268 PRD393267:PRD393268 QAZ393267:QAZ393268 QKV393267:QKV393268 QUR393267:QUR393268 REN393267:REN393268 ROJ393267:ROJ393268 RYF393267:RYF393268 SIB393267:SIB393268 SRX393267:SRX393268 TBT393267:TBT393268 TLP393267:TLP393268 TVL393267:TVL393268 UFH393267:UFH393268 UPD393267:UPD393268 UYZ393267:UYZ393268 VIV393267:VIV393268 VSR393267:VSR393268 WCN393267:WCN393268 WMJ393267:WMJ393268 WWF393267:WWF393268 X458803:X458804 JT458803:JT458804 TP458803:TP458804 ADL458803:ADL458804 ANH458803:ANH458804 AXD458803:AXD458804 BGZ458803:BGZ458804 BQV458803:BQV458804 CAR458803:CAR458804 CKN458803:CKN458804 CUJ458803:CUJ458804 DEF458803:DEF458804 DOB458803:DOB458804 DXX458803:DXX458804 EHT458803:EHT458804 ERP458803:ERP458804 FBL458803:FBL458804 FLH458803:FLH458804 FVD458803:FVD458804 GEZ458803:GEZ458804 GOV458803:GOV458804 GYR458803:GYR458804 HIN458803:HIN458804 HSJ458803:HSJ458804 ICF458803:ICF458804 IMB458803:IMB458804 IVX458803:IVX458804 JFT458803:JFT458804 JPP458803:JPP458804 JZL458803:JZL458804 KJH458803:KJH458804 KTD458803:KTD458804 LCZ458803:LCZ458804 LMV458803:LMV458804 LWR458803:LWR458804 MGN458803:MGN458804 MQJ458803:MQJ458804 NAF458803:NAF458804 NKB458803:NKB458804 NTX458803:NTX458804 ODT458803:ODT458804 ONP458803:ONP458804 OXL458803:OXL458804 PHH458803:PHH458804 PRD458803:PRD458804 QAZ458803:QAZ458804 QKV458803:QKV458804 QUR458803:QUR458804 REN458803:REN458804 ROJ458803:ROJ458804 RYF458803:RYF458804 SIB458803:SIB458804 SRX458803:SRX458804 TBT458803:TBT458804 TLP458803:TLP458804 TVL458803:TVL458804 UFH458803:UFH458804 UPD458803:UPD458804 UYZ458803:UYZ458804 VIV458803:VIV458804 VSR458803:VSR458804 WCN458803:WCN458804 WMJ458803:WMJ458804 WWF458803:WWF458804 X524339:X524340 JT524339:JT524340 TP524339:TP524340 ADL524339:ADL524340 ANH524339:ANH524340 AXD524339:AXD524340 BGZ524339:BGZ524340 BQV524339:BQV524340 CAR524339:CAR524340 CKN524339:CKN524340 CUJ524339:CUJ524340 DEF524339:DEF524340 DOB524339:DOB524340 DXX524339:DXX524340 EHT524339:EHT524340 ERP524339:ERP524340 FBL524339:FBL524340 FLH524339:FLH524340 FVD524339:FVD524340 GEZ524339:GEZ524340 GOV524339:GOV524340 GYR524339:GYR524340 HIN524339:HIN524340 HSJ524339:HSJ524340 ICF524339:ICF524340 IMB524339:IMB524340 IVX524339:IVX524340 JFT524339:JFT524340 JPP524339:JPP524340 JZL524339:JZL524340 KJH524339:KJH524340 KTD524339:KTD524340 LCZ524339:LCZ524340 LMV524339:LMV524340 LWR524339:LWR524340 MGN524339:MGN524340 MQJ524339:MQJ524340 NAF524339:NAF524340 NKB524339:NKB524340 NTX524339:NTX524340 ODT524339:ODT524340 ONP524339:ONP524340 OXL524339:OXL524340 PHH524339:PHH524340 PRD524339:PRD524340 QAZ524339:QAZ524340 QKV524339:QKV524340 QUR524339:QUR524340 REN524339:REN524340 ROJ524339:ROJ524340 RYF524339:RYF524340 SIB524339:SIB524340 SRX524339:SRX524340 TBT524339:TBT524340 TLP524339:TLP524340 TVL524339:TVL524340 UFH524339:UFH524340 UPD524339:UPD524340 UYZ524339:UYZ524340 VIV524339:VIV524340 VSR524339:VSR524340 WCN524339:WCN524340 WMJ524339:WMJ524340 WWF524339:WWF524340 X589875:X589876 JT589875:JT589876 TP589875:TP589876 ADL589875:ADL589876 ANH589875:ANH589876 AXD589875:AXD589876 BGZ589875:BGZ589876 BQV589875:BQV589876 CAR589875:CAR589876 CKN589875:CKN589876 CUJ589875:CUJ589876 DEF589875:DEF589876 DOB589875:DOB589876 DXX589875:DXX589876 EHT589875:EHT589876 ERP589875:ERP589876 FBL589875:FBL589876 FLH589875:FLH589876 FVD589875:FVD589876 GEZ589875:GEZ589876 GOV589875:GOV589876 GYR589875:GYR589876 HIN589875:HIN589876 HSJ589875:HSJ589876 ICF589875:ICF589876 IMB589875:IMB589876 IVX589875:IVX589876 JFT589875:JFT589876 JPP589875:JPP589876 JZL589875:JZL589876 KJH589875:KJH589876 KTD589875:KTD589876 LCZ589875:LCZ589876 LMV589875:LMV589876 LWR589875:LWR589876 MGN589875:MGN589876 MQJ589875:MQJ589876 NAF589875:NAF589876 NKB589875:NKB589876 NTX589875:NTX589876 ODT589875:ODT589876 ONP589875:ONP589876 OXL589875:OXL589876 PHH589875:PHH589876 PRD589875:PRD589876 QAZ589875:QAZ589876 QKV589875:QKV589876 QUR589875:QUR589876 REN589875:REN589876 ROJ589875:ROJ589876 RYF589875:RYF589876 SIB589875:SIB589876 SRX589875:SRX589876 TBT589875:TBT589876 TLP589875:TLP589876 TVL589875:TVL589876 UFH589875:UFH589876 UPD589875:UPD589876 UYZ589875:UYZ589876 VIV589875:VIV589876 VSR589875:VSR589876 WCN589875:WCN589876 WMJ589875:WMJ589876 WWF589875:WWF589876 X655411:X655412 JT655411:JT655412 TP655411:TP655412 ADL655411:ADL655412 ANH655411:ANH655412 AXD655411:AXD655412 BGZ655411:BGZ655412 BQV655411:BQV655412 CAR655411:CAR655412 CKN655411:CKN655412 CUJ655411:CUJ655412 DEF655411:DEF655412 DOB655411:DOB655412 DXX655411:DXX655412 EHT655411:EHT655412 ERP655411:ERP655412 FBL655411:FBL655412 FLH655411:FLH655412 FVD655411:FVD655412 GEZ655411:GEZ655412 GOV655411:GOV655412 GYR655411:GYR655412 HIN655411:HIN655412 HSJ655411:HSJ655412 ICF655411:ICF655412 IMB655411:IMB655412 IVX655411:IVX655412 JFT655411:JFT655412 JPP655411:JPP655412 JZL655411:JZL655412 KJH655411:KJH655412 KTD655411:KTD655412 LCZ655411:LCZ655412 LMV655411:LMV655412 LWR655411:LWR655412 MGN655411:MGN655412 MQJ655411:MQJ655412 NAF655411:NAF655412 NKB655411:NKB655412 NTX655411:NTX655412 ODT655411:ODT655412 ONP655411:ONP655412 OXL655411:OXL655412 PHH655411:PHH655412 PRD655411:PRD655412 QAZ655411:QAZ655412 QKV655411:QKV655412 QUR655411:QUR655412 REN655411:REN655412 ROJ655411:ROJ655412 RYF655411:RYF655412 SIB655411:SIB655412 SRX655411:SRX655412 TBT655411:TBT655412 TLP655411:TLP655412 TVL655411:TVL655412 UFH655411:UFH655412 UPD655411:UPD655412 UYZ655411:UYZ655412 VIV655411:VIV655412 VSR655411:VSR655412 WCN655411:WCN655412 WMJ655411:WMJ655412 WWF655411:WWF655412 X720947:X720948 JT720947:JT720948 TP720947:TP720948 ADL720947:ADL720948 ANH720947:ANH720948 AXD720947:AXD720948 BGZ720947:BGZ720948 BQV720947:BQV720948 CAR720947:CAR720948 CKN720947:CKN720948 CUJ720947:CUJ720948 DEF720947:DEF720948 DOB720947:DOB720948 DXX720947:DXX720948 EHT720947:EHT720948 ERP720947:ERP720948 FBL720947:FBL720948 FLH720947:FLH720948 FVD720947:FVD720948 GEZ720947:GEZ720948 GOV720947:GOV720948 GYR720947:GYR720948 HIN720947:HIN720948 HSJ720947:HSJ720948 ICF720947:ICF720948 IMB720947:IMB720948 IVX720947:IVX720948 JFT720947:JFT720948 JPP720947:JPP720948 JZL720947:JZL720948 KJH720947:KJH720948 KTD720947:KTD720948 LCZ720947:LCZ720948 LMV720947:LMV720948 LWR720947:LWR720948 MGN720947:MGN720948 MQJ720947:MQJ720948 NAF720947:NAF720948 NKB720947:NKB720948 NTX720947:NTX720948 ODT720947:ODT720948 ONP720947:ONP720948 OXL720947:OXL720948 PHH720947:PHH720948 PRD720947:PRD720948 QAZ720947:QAZ720948 QKV720947:QKV720948 QUR720947:QUR720948 REN720947:REN720948 ROJ720947:ROJ720948 RYF720947:RYF720948 SIB720947:SIB720948 SRX720947:SRX720948 TBT720947:TBT720948 TLP720947:TLP720948 TVL720947:TVL720948 UFH720947:UFH720948 UPD720947:UPD720948 UYZ720947:UYZ720948 VIV720947:VIV720948 VSR720947:VSR720948 WCN720947:WCN720948 WMJ720947:WMJ720948 WWF720947:WWF720948 X786483:X786484 JT786483:JT786484 TP786483:TP786484 ADL786483:ADL786484 ANH786483:ANH786484 AXD786483:AXD786484 BGZ786483:BGZ786484 BQV786483:BQV786484 CAR786483:CAR786484 CKN786483:CKN786484 CUJ786483:CUJ786484 DEF786483:DEF786484 DOB786483:DOB786484 DXX786483:DXX786484 EHT786483:EHT786484 ERP786483:ERP786484 FBL786483:FBL786484 FLH786483:FLH786484 FVD786483:FVD786484 GEZ786483:GEZ786484 GOV786483:GOV786484 GYR786483:GYR786484 HIN786483:HIN786484 HSJ786483:HSJ786484 ICF786483:ICF786484 IMB786483:IMB786484 IVX786483:IVX786484 JFT786483:JFT786484 JPP786483:JPP786484 JZL786483:JZL786484 KJH786483:KJH786484 KTD786483:KTD786484 LCZ786483:LCZ786484 LMV786483:LMV786484 LWR786483:LWR786484 MGN786483:MGN786484 MQJ786483:MQJ786484 NAF786483:NAF786484 NKB786483:NKB786484 NTX786483:NTX786484 ODT786483:ODT786484 ONP786483:ONP786484 OXL786483:OXL786484 PHH786483:PHH786484 PRD786483:PRD786484 QAZ786483:QAZ786484 QKV786483:QKV786484 QUR786483:QUR786484 REN786483:REN786484 ROJ786483:ROJ786484 RYF786483:RYF786484 SIB786483:SIB786484 SRX786483:SRX786484 TBT786483:TBT786484 TLP786483:TLP786484 TVL786483:TVL786484 UFH786483:UFH786484 UPD786483:UPD786484 UYZ786483:UYZ786484 VIV786483:VIV786484 VSR786483:VSR786484 WCN786483:WCN786484 WMJ786483:WMJ786484 WWF786483:WWF786484 X852019:X852020 JT852019:JT852020 TP852019:TP852020 ADL852019:ADL852020 ANH852019:ANH852020 AXD852019:AXD852020 BGZ852019:BGZ852020 BQV852019:BQV852020 CAR852019:CAR852020 CKN852019:CKN852020 CUJ852019:CUJ852020 DEF852019:DEF852020 DOB852019:DOB852020 DXX852019:DXX852020 EHT852019:EHT852020 ERP852019:ERP852020 FBL852019:FBL852020 FLH852019:FLH852020 FVD852019:FVD852020 GEZ852019:GEZ852020 GOV852019:GOV852020 GYR852019:GYR852020 HIN852019:HIN852020 HSJ852019:HSJ852020 ICF852019:ICF852020 IMB852019:IMB852020 IVX852019:IVX852020 JFT852019:JFT852020 JPP852019:JPP852020 JZL852019:JZL852020 KJH852019:KJH852020 KTD852019:KTD852020 LCZ852019:LCZ852020 LMV852019:LMV852020 LWR852019:LWR852020 MGN852019:MGN852020 MQJ852019:MQJ852020 NAF852019:NAF852020 NKB852019:NKB852020 NTX852019:NTX852020 ODT852019:ODT852020 ONP852019:ONP852020 OXL852019:OXL852020 PHH852019:PHH852020 PRD852019:PRD852020 QAZ852019:QAZ852020 QKV852019:QKV852020 QUR852019:QUR852020 REN852019:REN852020 ROJ852019:ROJ852020 RYF852019:RYF852020 SIB852019:SIB852020 SRX852019:SRX852020 TBT852019:TBT852020 TLP852019:TLP852020 TVL852019:TVL852020 UFH852019:UFH852020 UPD852019:UPD852020 UYZ852019:UYZ852020 VIV852019:VIV852020 VSR852019:VSR852020 WCN852019:WCN852020 WMJ852019:WMJ852020 WWF852019:WWF852020 X917555:X917556 JT917555:JT917556 TP917555:TP917556 ADL917555:ADL917556 ANH917555:ANH917556 AXD917555:AXD917556 BGZ917555:BGZ917556 BQV917555:BQV917556 CAR917555:CAR917556 CKN917555:CKN917556 CUJ917555:CUJ917556 DEF917555:DEF917556 DOB917555:DOB917556 DXX917555:DXX917556 EHT917555:EHT917556 ERP917555:ERP917556 FBL917555:FBL917556 FLH917555:FLH917556 FVD917555:FVD917556 GEZ917555:GEZ917556 GOV917555:GOV917556 GYR917555:GYR917556 HIN917555:HIN917556 HSJ917555:HSJ917556 ICF917555:ICF917556 IMB917555:IMB917556 IVX917555:IVX917556 JFT917555:JFT917556 JPP917555:JPP917556 JZL917555:JZL917556 KJH917555:KJH917556 KTD917555:KTD917556 LCZ917555:LCZ917556 LMV917555:LMV917556 LWR917555:LWR917556 MGN917555:MGN917556 MQJ917555:MQJ917556 NAF917555:NAF917556 NKB917555:NKB917556 NTX917555:NTX917556 ODT917555:ODT917556 ONP917555:ONP917556 OXL917555:OXL917556 PHH917555:PHH917556 PRD917555:PRD917556 QAZ917555:QAZ917556 QKV917555:QKV917556 QUR917555:QUR917556 REN917555:REN917556 ROJ917555:ROJ917556 RYF917555:RYF917556 SIB917555:SIB917556 SRX917555:SRX917556 TBT917555:TBT917556 TLP917555:TLP917556 TVL917555:TVL917556 UFH917555:UFH917556 UPD917555:UPD917556 UYZ917555:UYZ917556 VIV917555:VIV917556 VSR917555:VSR917556 WCN917555:WCN917556 WMJ917555:WMJ917556 WWF917555:WWF917556 X983091:X983092 JT983091:JT983092 TP983091:TP983092 ADL983091:ADL983092 ANH983091:ANH983092 AXD983091:AXD983092 BGZ983091:BGZ983092 BQV983091:BQV983092 CAR983091:CAR983092 CKN983091:CKN983092 CUJ983091:CUJ983092 DEF983091:DEF983092 DOB983091:DOB983092 DXX983091:DXX983092 EHT983091:EHT983092 ERP983091:ERP983092 FBL983091:FBL983092 FLH983091:FLH983092 FVD983091:FVD983092 GEZ983091:GEZ983092 GOV983091:GOV983092 GYR983091:GYR983092 HIN983091:HIN983092 HSJ983091:HSJ983092 ICF983091:ICF983092 IMB983091:IMB983092 IVX983091:IVX983092 JFT983091:JFT983092 JPP983091:JPP983092 JZL983091:JZL983092 KJH983091:KJH983092 KTD983091:KTD983092 LCZ983091:LCZ983092 LMV983091:LMV983092 LWR983091:LWR983092 MGN983091:MGN983092 MQJ983091:MQJ983092 NAF983091:NAF983092 NKB983091:NKB983092 NTX983091:NTX983092 ODT983091:ODT983092 ONP983091:ONP983092 OXL983091:OXL983092 PHH983091:PHH983092 PRD983091:PRD983092 QAZ983091:QAZ983092 QKV983091:QKV983092 QUR983091:QUR983092 REN983091:REN983092 ROJ983091:ROJ983092 RYF983091:RYF983092 SIB983091:SIB983092 SRX983091:SRX983092 TBT983091:TBT983092 TLP983091:TLP983092 TVL983091:TVL983092 UFH983091:UFH983092 UPD983091:UPD983092 UYZ983091:UYZ983092 VIV983091:VIV983092 VSR983091:VSR983092 WCN983091:WCN983092 WMJ983091:WMJ983092 WWF983091:WWF983092 V54:V55 JR54:JR55 TN54:TN55 ADJ54:ADJ55 ANF54:ANF55 AXB54:AXB55 BGX54:BGX55 BQT54:BQT55 CAP54:CAP55 CKL54:CKL55 CUH54:CUH55 DED54:DED55 DNZ54:DNZ55 DXV54:DXV55 EHR54:EHR55 ERN54:ERN55 FBJ54:FBJ55 FLF54:FLF55 FVB54:FVB55 GEX54:GEX55 GOT54:GOT55 GYP54:GYP55 HIL54:HIL55 HSH54:HSH55 ICD54:ICD55 ILZ54:ILZ55 IVV54:IVV55 JFR54:JFR55 JPN54:JPN55 JZJ54:JZJ55 KJF54:KJF55 KTB54:KTB55 LCX54:LCX55 LMT54:LMT55 LWP54:LWP55 MGL54:MGL55 MQH54:MQH55 NAD54:NAD55 NJZ54:NJZ55 NTV54:NTV55 ODR54:ODR55 ONN54:ONN55 OXJ54:OXJ55 PHF54:PHF55 PRB54:PRB55 QAX54:QAX55 QKT54:QKT55 QUP54:QUP55 REL54:REL55 ROH54:ROH55 RYD54:RYD55 SHZ54:SHZ55 SRV54:SRV55 TBR54:TBR55 TLN54:TLN55 TVJ54:TVJ55 UFF54:UFF55 UPB54:UPB55 UYX54:UYX55 VIT54:VIT55 VSP54:VSP55 WCL54:WCL55 WMH54:WMH55 WWD54:WWD55 V65590:V65591 JR65590:JR65591 TN65590:TN65591 ADJ65590:ADJ65591 ANF65590:ANF65591 AXB65590:AXB65591 BGX65590:BGX65591 BQT65590:BQT65591 CAP65590:CAP65591 CKL65590:CKL65591 CUH65590:CUH65591 DED65590:DED65591 DNZ65590:DNZ65591 DXV65590:DXV65591 EHR65590:EHR65591 ERN65590:ERN65591 FBJ65590:FBJ65591 FLF65590:FLF65591 FVB65590:FVB65591 GEX65590:GEX65591 GOT65590:GOT65591 GYP65590:GYP65591 HIL65590:HIL65591 HSH65590:HSH65591 ICD65590:ICD65591 ILZ65590:ILZ65591 IVV65590:IVV65591 JFR65590:JFR65591 JPN65590:JPN65591 JZJ65590:JZJ65591 KJF65590:KJF65591 KTB65590:KTB65591 LCX65590:LCX65591 LMT65590:LMT65591 LWP65590:LWP65591 MGL65590:MGL65591 MQH65590:MQH65591 NAD65590:NAD65591 NJZ65590:NJZ65591 NTV65590:NTV65591 ODR65590:ODR65591 ONN65590:ONN65591 OXJ65590:OXJ65591 PHF65590:PHF65591 PRB65590:PRB65591 QAX65590:QAX65591 QKT65590:QKT65591 QUP65590:QUP65591 REL65590:REL65591 ROH65590:ROH65591 RYD65590:RYD65591 SHZ65590:SHZ65591 SRV65590:SRV65591 TBR65590:TBR65591 TLN65590:TLN65591 TVJ65590:TVJ65591 UFF65590:UFF65591 UPB65590:UPB65591 UYX65590:UYX65591 VIT65590:VIT65591 VSP65590:VSP65591 WCL65590:WCL65591 WMH65590:WMH65591 WWD65590:WWD65591 V131126:V131127 JR131126:JR131127 TN131126:TN131127 ADJ131126:ADJ131127 ANF131126:ANF131127 AXB131126:AXB131127 BGX131126:BGX131127 BQT131126:BQT131127 CAP131126:CAP131127 CKL131126:CKL131127 CUH131126:CUH131127 DED131126:DED131127 DNZ131126:DNZ131127 DXV131126:DXV131127 EHR131126:EHR131127 ERN131126:ERN131127 FBJ131126:FBJ131127 FLF131126:FLF131127 FVB131126:FVB131127 GEX131126:GEX131127 GOT131126:GOT131127 GYP131126:GYP131127 HIL131126:HIL131127 HSH131126:HSH131127 ICD131126:ICD131127 ILZ131126:ILZ131127 IVV131126:IVV131127 JFR131126:JFR131127 JPN131126:JPN131127 JZJ131126:JZJ131127 KJF131126:KJF131127 KTB131126:KTB131127 LCX131126:LCX131127 LMT131126:LMT131127 LWP131126:LWP131127 MGL131126:MGL131127 MQH131126:MQH131127 NAD131126:NAD131127 NJZ131126:NJZ131127 NTV131126:NTV131127 ODR131126:ODR131127 ONN131126:ONN131127 OXJ131126:OXJ131127 PHF131126:PHF131127 PRB131126:PRB131127 QAX131126:QAX131127 QKT131126:QKT131127 QUP131126:QUP131127 REL131126:REL131127 ROH131126:ROH131127 RYD131126:RYD131127 SHZ131126:SHZ131127 SRV131126:SRV131127 TBR131126:TBR131127 TLN131126:TLN131127 TVJ131126:TVJ131127 UFF131126:UFF131127 UPB131126:UPB131127 UYX131126:UYX131127 VIT131126:VIT131127 VSP131126:VSP131127 WCL131126:WCL131127 WMH131126:WMH131127 WWD131126:WWD131127 V196662:V196663 JR196662:JR196663 TN196662:TN196663 ADJ196662:ADJ196663 ANF196662:ANF196663 AXB196662:AXB196663 BGX196662:BGX196663 BQT196662:BQT196663 CAP196662:CAP196663 CKL196662:CKL196663 CUH196662:CUH196663 DED196662:DED196663 DNZ196662:DNZ196663 DXV196662:DXV196663 EHR196662:EHR196663 ERN196662:ERN196663 FBJ196662:FBJ196663 FLF196662:FLF196663 FVB196662:FVB196663 GEX196662:GEX196663 GOT196662:GOT196663 GYP196662:GYP196663 HIL196662:HIL196663 HSH196662:HSH196663 ICD196662:ICD196663 ILZ196662:ILZ196663 IVV196662:IVV196663 JFR196662:JFR196663 JPN196662:JPN196663 JZJ196662:JZJ196663 KJF196662:KJF196663 KTB196662:KTB196663 LCX196662:LCX196663 LMT196662:LMT196663 LWP196662:LWP196663 MGL196662:MGL196663 MQH196662:MQH196663 NAD196662:NAD196663 NJZ196662:NJZ196663 NTV196662:NTV196663 ODR196662:ODR196663 ONN196662:ONN196663 OXJ196662:OXJ196663 PHF196662:PHF196663 PRB196662:PRB196663 QAX196662:QAX196663 QKT196662:QKT196663 QUP196662:QUP196663 REL196662:REL196663 ROH196662:ROH196663 RYD196662:RYD196663 SHZ196662:SHZ196663 SRV196662:SRV196663 TBR196662:TBR196663 TLN196662:TLN196663 TVJ196662:TVJ196663 UFF196662:UFF196663 UPB196662:UPB196663 UYX196662:UYX196663 VIT196662:VIT196663 VSP196662:VSP196663 WCL196662:WCL196663 WMH196662:WMH196663 WWD196662:WWD196663 V262198:V262199 JR262198:JR262199 TN262198:TN262199 ADJ262198:ADJ262199 ANF262198:ANF262199 AXB262198:AXB262199 BGX262198:BGX262199 BQT262198:BQT262199 CAP262198:CAP262199 CKL262198:CKL262199 CUH262198:CUH262199 DED262198:DED262199 DNZ262198:DNZ262199 DXV262198:DXV262199 EHR262198:EHR262199 ERN262198:ERN262199 FBJ262198:FBJ262199 FLF262198:FLF262199 FVB262198:FVB262199 GEX262198:GEX262199 GOT262198:GOT262199 GYP262198:GYP262199 HIL262198:HIL262199 HSH262198:HSH262199 ICD262198:ICD262199 ILZ262198:ILZ262199 IVV262198:IVV262199 JFR262198:JFR262199 JPN262198:JPN262199 JZJ262198:JZJ262199 KJF262198:KJF262199 KTB262198:KTB262199 LCX262198:LCX262199 LMT262198:LMT262199 LWP262198:LWP262199 MGL262198:MGL262199 MQH262198:MQH262199 NAD262198:NAD262199 NJZ262198:NJZ262199 NTV262198:NTV262199 ODR262198:ODR262199 ONN262198:ONN262199 OXJ262198:OXJ262199 PHF262198:PHF262199 PRB262198:PRB262199 QAX262198:QAX262199 QKT262198:QKT262199 QUP262198:QUP262199 REL262198:REL262199 ROH262198:ROH262199 RYD262198:RYD262199 SHZ262198:SHZ262199 SRV262198:SRV262199 TBR262198:TBR262199 TLN262198:TLN262199 TVJ262198:TVJ262199 UFF262198:UFF262199 UPB262198:UPB262199 UYX262198:UYX262199 VIT262198:VIT262199 VSP262198:VSP262199 WCL262198:WCL262199 WMH262198:WMH262199 WWD262198:WWD262199 V327734:V327735 JR327734:JR327735 TN327734:TN327735 ADJ327734:ADJ327735 ANF327734:ANF327735 AXB327734:AXB327735 BGX327734:BGX327735 BQT327734:BQT327735 CAP327734:CAP327735 CKL327734:CKL327735 CUH327734:CUH327735 DED327734:DED327735 DNZ327734:DNZ327735 DXV327734:DXV327735 EHR327734:EHR327735 ERN327734:ERN327735 FBJ327734:FBJ327735 FLF327734:FLF327735 FVB327734:FVB327735 GEX327734:GEX327735 GOT327734:GOT327735 GYP327734:GYP327735 HIL327734:HIL327735 HSH327734:HSH327735 ICD327734:ICD327735 ILZ327734:ILZ327735 IVV327734:IVV327735 JFR327734:JFR327735 JPN327734:JPN327735 JZJ327734:JZJ327735 KJF327734:KJF327735 KTB327734:KTB327735 LCX327734:LCX327735 LMT327734:LMT327735 LWP327734:LWP327735 MGL327734:MGL327735 MQH327734:MQH327735 NAD327734:NAD327735 NJZ327734:NJZ327735 NTV327734:NTV327735 ODR327734:ODR327735 ONN327734:ONN327735 OXJ327734:OXJ327735 PHF327734:PHF327735 PRB327734:PRB327735 QAX327734:QAX327735 QKT327734:QKT327735 QUP327734:QUP327735 REL327734:REL327735 ROH327734:ROH327735 RYD327734:RYD327735 SHZ327734:SHZ327735 SRV327734:SRV327735 TBR327734:TBR327735 TLN327734:TLN327735 TVJ327734:TVJ327735 UFF327734:UFF327735 UPB327734:UPB327735 UYX327734:UYX327735 VIT327734:VIT327735 VSP327734:VSP327735 WCL327734:WCL327735 WMH327734:WMH327735 WWD327734:WWD327735 V393270:V393271 JR393270:JR393271 TN393270:TN393271 ADJ393270:ADJ393271 ANF393270:ANF393271 AXB393270:AXB393271 BGX393270:BGX393271 BQT393270:BQT393271 CAP393270:CAP393271 CKL393270:CKL393271 CUH393270:CUH393271 DED393270:DED393271 DNZ393270:DNZ393271 DXV393270:DXV393271 EHR393270:EHR393271 ERN393270:ERN393271 FBJ393270:FBJ393271 FLF393270:FLF393271 FVB393270:FVB393271 GEX393270:GEX393271 GOT393270:GOT393271 GYP393270:GYP393271 HIL393270:HIL393271 HSH393270:HSH393271 ICD393270:ICD393271 ILZ393270:ILZ393271 IVV393270:IVV393271 JFR393270:JFR393271 JPN393270:JPN393271 JZJ393270:JZJ393271 KJF393270:KJF393271 KTB393270:KTB393271 LCX393270:LCX393271 LMT393270:LMT393271 LWP393270:LWP393271 MGL393270:MGL393271 MQH393270:MQH393271 NAD393270:NAD393271 NJZ393270:NJZ393271 NTV393270:NTV393271 ODR393270:ODR393271 ONN393270:ONN393271 OXJ393270:OXJ393271 PHF393270:PHF393271 PRB393270:PRB393271 QAX393270:QAX393271 QKT393270:QKT393271 QUP393270:QUP393271 REL393270:REL393271 ROH393270:ROH393271 RYD393270:RYD393271 SHZ393270:SHZ393271 SRV393270:SRV393271 TBR393270:TBR393271 TLN393270:TLN393271 TVJ393270:TVJ393271 UFF393270:UFF393271 UPB393270:UPB393271 UYX393270:UYX393271 VIT393270:VIT393271 VSP393270:VSP393271 WCL393270:WCL393271 WMH393270:WMH393271 WWD393270:WWD393271 V458806:V458807 JR458806:JR458807 TN458806:TN458807 ADJ458806:ADJ458807 ANF458806:ANF458807 AXB458806:AXB458807 BGX458806:BGX458807 BQT458806:BQT458807 CAP458806:CAP458807 CKL458806:CKL458807 CUH458806:CUH458807 DED458806:DED458807 DNZ458806:DNZ458807 DXV458806:DXV458807 EHR458806:EHR458807 ERN458806:ERN458807 FBJ458806:FBJ458807 FLF458806:FLF458807 FVB458806:FVB458807 GEX458806:GEX458807 GOT458806:GOT458807 GYP458806:GYP458807 HIL458806:HIL458807 HSH458806:HSH458807 ICD458806:ICD458807 ILZ458806:ILZ458807 IVV458806:IVV458807 JFR458806:JFR458807 JPN458806:JPN458807 JZJ458806:JZJ458807 KJF458806:KJF458807 KTB458806:KTB458807 LCX458806:LCX458807 LMT458806:LMT458807 LWP458806:LWP458807 MGL458806:MGL458807 MQH458806:MQH458807 NAD458806:NAD458807 NJZ458806:NJZ458807 NTV458806:NTV458807 ODR458806:ODR458807 ONN458806:ONN458807 OXJ458806:OXJ458807 PHF458806:PHF458807 PRB458806:PRB458807 QAX458806:QAX458807 QKT458806:QKT458807 QUP458806:QUP458807 REL458806:REL458807 ROH458806:ROH458807 RYD458806:RYD458807 SHZ458806:SHZ458807 SRV458806:SRV458807 TBR458806:TBR458807 TLN458806:TLN458807 TVJ458806:TVJ458807 UFF458806:UFF458807 UPB458806:UPB458807 UYX458806:UYX458807 VIT458806:VIT458807 VSP458806:VSP458807 WCL458806:WCL458807 WMH458806:WMH458807 WWD458806:WWD458807 V524342:V524343 JR524342:JR524343 TN524342:TN524343 ADJ524342:ADJ524343 ANF524342:ANF524343 AXB524342:AXB524343 BGX524342:BGX524343 BQT524342:BQT524343 CAP524342:CAP524343 CKL524342:CKL524343 CUH524342:CUH524343 DED524342:DED524343 DNZ524342:DNZ524343 DXV524342:DXV524343 EHR524342:EHR524343 ERN524342:ERN524343 FBJ524342:FBJ524343 FLF524342:FLF524343 FVB524342:FVB524343 GEX524342:GEX524343 GOT524342:GOT524343 GYP524342:GYP524343 HIL524342:HIL524343 HSH524342:HSH524343 ICD524342:ICD524343 ILZ524342:ILZ524343 IVV524342:IVV524343 JFR524342:JFR524343 JPN524342:JPN524343 JZJ524342:JZJ524343 KJF524342:KJF524343 KTB524342:KTB524343 LCX524342:LCX524343 LMT524342:LMT524343 LWP524342:LWP524343 MGL524342:MGL524343 MQH524342:MQH524343 NAD524342:NAD524343 NJZ524342:NJZ524343 NTV524342:NTV524343 ODR524342:ODR524343 ONN524342:ONN524343 OXJ524342:OXJ524343 PHF524342:PHF524343 PRB524342:PRB524343 QAX524342:QAX524343 QKT524342:QKT524343 QUP524342:QUP524343 REL524342:REL524343 ROH524342:ROH524343 RYD524342:RYD524343 SHZ524342:SHZ524343 SRV524342:SRV524343 TBR524342:TBR524343 TLN524342:TLN524343 TVJ524342:TVJ524343 UFF524342:UFF524343 UPB524342:UPB524343 UYX524342:UYX524343 VIT524342:VIT524343 VSP524342:VSP524343 WCL524342:WCL524343 WMH524342:WMH524343 WWD524342:WWD524343 V589878:V589879 JR589878:JR589879 TN589878:TN589879 ADJ589878:ADJ589879 ANF589878:ANF589879 AXB589878:AXB589879 BGX589878:BGX589879 BQT589878:BQT589879 CAP589878:CAP589879 CKL589878:CKL589879 CUH589878:CUH589879 DED589878:DED589879 DNZ589878:DNZ589879 DXV589878:DXV589879 EHR589878:EHR589879 ERN589878:ERN589879 FBJ589878:FBJ589879 FLF589878:FLF589879 FVB589878:FVB589879 GEX589878:GEX589879 GOT589878:GOT589879 GYP589878:GYP589879 HIL589878:HIL589879 HSH589878:HSH589879 ICD589878:ICD589879 ILZ589878:ILZ589879 IVV589878:IVV589879 JFR589878:JFR589879 JPN589878:JPN589879 JZJ589878:JZJ589879 KJF589878:KJF589879 KTB589878:KTB589879 LCX589878:LCX589879 LMT589878:LMT589879 LWP589878:LWP589879 MGL589878:MGL589879 MQH589878:MQH589879 NAD589878:NAD589879 NJZ589878:NJZ589879 NTV589878:NTV589879 ODR589878:ODR589879 ONN589878:ONN589879 OXJ589878:OXJ589879 PHF589878:PHF589879 PRB589878:PRB589879 QAX589878:QAX589879 QKT589878:QKT589879 QUP589878:QUP589879 REL589878:REL589879 ROH589878:ROH589879 RYD589878:RYD589879 SHZ589878:SHZ589879 SRV589878:SRV589879 TBR589878:TBR589879 TLN589878:TLN589879 TVJ589878:TVJ589879 UFF589878:UFF589879 UPB589878:UPB589879 UYX589878:UYX589879 VIT589878:VIT589879 VSP589878:VSP589879 WCL589878:WCL589879 WMH589878:WMH589879 WWD589878:WWD589879 V655414:V655415 JR655414:JR655415 TN655414:TN655415 ADJ655414:ADJ655415 ANF655414:ANF655415 AXB655414:AXB655415 BGX655414:BGX655415 BQT655414:BQT655415 CAP655414:CAP655415 CKL655414:CKL655415 CUH655414:CUH655415 DED655414:DED655415 DNZ655414:DNZ655415 DXV655414:DXV655415 EHR655414:EHR655415 ERN655414:ERN655415 FBJ655414:FBJ655415 FLF655414:FLF655415 FVB655414:FVB655415 GEX655414:GEX655415 GOT655414:GOT655415 GYP655414:GYP655415 HIL655414:HIL655415 HSH655414:HSH655415 ICD655414:ICD655415 ILZ655414:ILZ655415 IVV655414:IVV655415 JFR655414:JFR655415 JPN655414:JPN655415 JZJ655414:JZJ655415 KJF655414:KJF655415 KTB655414:KTB655415 LCX655414:LCX655415 LMT655414:LMT655415 LWP655414:LWP655415 MGL655414:MGL655415 MQH655414:MQH655415 NAD655414:NAD655415 NJZ655414:NJZ655415 NTV655414:NTV655415 ODR655414:ODR655415 ONN655414:ONN655415 OXJ655414:OXJ655415 PHF655414:PHF655415 PRB655414:PRB655415 QAX655414:QAX655415 QKT655414:QKT655415 QUP655414:QUP655415 REL655414:REL655415 ROH655414:ROH655415 RYD655414:RYD655415 SHZ655414:SHZ655415 SRV655414:SRV655415 TBR655414:TBR655415 TLN655414:TLN655415 TVJ655414:TVJ655415 UFF655414:UFF655415 UPB655414:UPB655415 UYX655414:UYX655415 VIT655414:VIT655415 VSP655414:VSP655415 WCL655414:WCL655415 WMH655414:WMH655415 WWD655414:WWD655415 V720950:V720951 JR720950:JR720951 TN720950:TN720951 ADJ720950:ADJ720951 ANF720950:ANF720951 AXB720950:AXB720951 BGX720950:BGX720951 BQT720950:BQT720951 CAP720950:CAP720951 CKL720950:CKL720951 CUH720950:CUH720951 DED720950:DED720951 DNZ720950:DNZ720951 DXV720950:DXV720951 EHR720950:EHR720951 ERN720950:ERN720951 FBJ720950:FBJ720951 FLF720950:FLF720951 FVB720950:FVB720951 GEX720950:GEX720951 GOT720950:GOT720951 GYP720950:GYP720951 HIL720950:HIL720951 HSH720950:HSH720951 ICD720950:ICD720951 ILZ720950:ILZ720951 IVV720950:IVV720951 JFR720950:JFR720951 JPN720950:JPN720951 JZJ720950:JZJ720951 KJF720950:KJF720951 KTB720950:KTB720951 LCX720950:LCX720951 LMT720950:LMT720951 LWP720950:LWP720951 MGL720950:MGL720951 MQH720950:MQH720951 NAD720950:NAD720951 NJZ720950:NJZ720951 NTV720950:NTV720951 ODR720950:ODR720951 ONN720950:ONN720951 OXJ720950:OXJ720951 PHF720950:PHF720951 PRB720950:PRB720951 QAX720950:QAX720951 QKT720950:QKT720951 QUP720950:QUP720951 REL720950:REL720951 ROH720950:ROH720951 RYD720950:RYD720951 SHZ720950:SHZ720951 SRV720950:SRV720951 TBR720950:TBR720951 TLN720950:TLN720951 TVJ720950:TVJ720951 UFF720950:UFF720951 UPB720950:UPB720951 UYX720950:UYX720951 VIT720950:VIT720951 VSP720950:VSP720951 WCL720950:WCL720951 WMH720950:WMH720951 WWD720950:WWD720951 V786486:V786487 JR786486:JR786487 TN786486:TN786487 ADJ786486:ADJ786487 ANF786486:ANF786487 AXB786486:AXB786487 BGX786486:BGX786487 BQT786486:BQT786487 CAP786486:CAP786487 CKL786486:CKL786487 CUH786486:CUH786487 DED786486:DED786487 DNZ786486:DNZ786487 DXV786486:DXV786487 EHR786486:EHR786487 ERN786486:ERN786487 FBJ786486:FBJ786487 FLF786486:FLF786487 FVB786486:FVB786487 GEX786486:GEX786487 GOT786486:GOT786487 GYP786486:GYP786487 HIL786486:HIL786487 HSH786486:HSH786487 ICD786486:ICD786487 ILZ786486:ILZ786487 IVV786486:IVV786487 JFR786486:JFR786487 JPN786486:JPN786487 JZJ786486:JZJ786487 KJF786486:KJF786487 KTB786486:KTB786487 LCX786486:LCX786487 LMT786486:LMT786487 LWP786486:LWP786487 MGL786486:MGL786487 MQH786486:MQH786487 NAD786486:NAD786487 NJZ786486:NJZ786487 NTV786486:NTV786487 ODR786486:ODR786487 ONN786486:ONN786487 OXJ786486:OXJ786487 PHF786486:PHF786487 PRB786486:PRB786487 QAX786486:QAX786487 QKT786486:QKT786487 QUP786486:QUP786487 REL786486:REL786487 ROH786486:ROH786487 RYD786486:RYD786487 SHZ786486:SHZ786487 SRV786486:SRV786487 TBR786486:TBR786487 TLN786486:TLN786487 TVJ786486:TVJ786487 UFF786486:UFF786487 UPB786486:UPB786487 UYX786486:UYX786487 VIT786486:VIT786487 VSP786486:VSP786487 WCL786486:WCL786487 WMH786486:WMH786487 WWD786486:WWD786487 V852022:V852023 JR852022:JR852023 TN852022:TN852023 ADJ852022:ADJ852023 ANF852022:ANF852023 AXB852022:AXB852023 BGX852022:BGX852023 BQT852022:BQT852023 CAP852022:CAP852023 CKL852022:CKL852023 CUH852022:CUH852023 DED852022:DED852023 DNZ852022:DNZ852023 DXV852022:DXV852023 EHR852022:EHR852023 ERN852022:ERN852023 FBJ852022:FBJ852023 FLF852022:FLF852023 FVB852022:FVB852023 GEX852022:GEX852023 GOT852022:GOT852023 GYP852022:GYP852023 HIL852022:HIL852023 HSH852022:HSH852023 ICD852022:ICD852023 ILZ852022:ILZ852023 IVV852022:IVV852023 JFR852022:JFR852023 JPN852022:JPN852023 JZJ852022:JZJ852023 KJF852022:KJF852023 KTB852022:KTB852023 LCX852022:LCX852023 LMT852022:LMT852023 LWP852022:LWP852023 MGL852022:MGL852023 MQH852022:MQH852023 NAD852022:NAD852023 NJZ852022:NJZ852023 NTV852022:NTV852023 ODR852022:ODR852023 ONN852022:ONN852023 OXJ852022:OXJ852023 PHF852022:PHF852023 PRB852022:PRB852023 QAX852022:QAX852023 QKT852022:QKT852023 QUP852022:QUP852023 REL852022:REL852023 ROH852022:ROH852023 RYD852022:RYD852023 SHZ852022:SHZ852023 SRV852022:SRV852023 TBR852022:TBR852023 TLN852022:TLN852023 TVJ852022:TVJ852023 UFF852022:UFF852023 UPB852022:UPB852023 UYX852022:UYX852023 VIT852022:VIT852023 VSP852022:VSP852023 WCL852022:WCL852023 WMH852022:WMH852023 WWD852022:WWD852023 V917558:V917559 JR917558:JR917559 TN917558:TN917559 ADJ917558:ADJ917559 ANF917558:ANF917559 AXB917558:AXB917559 BGX917558:BGX917559 BQT917558:BQT917559 CAP917558:CAP917559 CKL917558:CKL917559 CUH917558:CUH917559 DED917558:DED917559 DNZ917558:DNZ917559 DXV917558:DXV917559 EHR917558:EHR917559 ERN917558:ERN917559 FBJ917558:FBJ917559 FLF917558:FLF917559 FVB917558:FVB917559 GEX917558:GEX917559 GOT917558:GOT917559 GYP917558:GYP917559 HIL917558:HIL917559 HSH917558:HSH917559 ICD917558:ICD917559 ILZ917558:ILZ917559 IVV917558:IVV917559 JFR917558:JFR917559 JPN917558:JPN917559 JZJ917558:JZJ917559 KJF917558:KJF917559 KTB917558:KTB917559 LCX917558:LCX917559 LMT917558:LMT917559 LWP917558:LWP917559 MGL917558:MGL917559 MQH917558:MQH917559 NAD917558:NAD917559 NJZ917558:NJZ917559 NTV917558:NTV917559 ODR917558:ODR917559 ONN917558:ONN917559 OXJ917558:OXJ917559 PHF917558:PHF917559 PRB917558:PRB917559 QAX917558:QAX917559 QKT917558:QKT917559 QUP917558:QUP917559 REL917558:REL917559 ROH917558:ROH917559 RYD917558:RYD917559 SHZ917558:SHZ917559 SRV917558:SRV917559 TBR917558:TBR917559 TLN917558:TLN917559 TVJ917558:TVJ917559 UFF917558:UFF917559 UPB917558:UPB917559 UYX917558:UYX917559 VIT917558:VIT917559 VSP917558:VSP917559 WCL917558:WCL917559 WMH917558:WMH917559 WWD917558:WWD917559 V983094:V983095 JR983094:JR983095 TN983094:TN983095 ADJ983094:ADJ983095 ANF983094:ANF983095 AXB983094:AXB983095 BGX983094:BGX983095 BQT983094:BQT983095 CAP983094:CAP983095 CKL983094:CKL983095 CUH983094:CUH983095 DED983094:DED983095 DNZ983094:DNZ983095 DXV983094:DXV983095 EHR983094:EHR983095 ERN983094:ERN983095 FBJ983094:FBJ983095 FLF983094:FLF983095 FVB983094:FVB983095 GEX983094:GEX983095 GOT983094:GOT983095 GYP983094:GYP983095 HIL983094:HIL983095 HSH983094:HSH983095 ICD983094:ICD983095 ILZ983094:ILZ983095 IVV983094:IVV983095 JFR983094:JFR983095 JPN983094:JPN983095 JZJ983094:JZJ983095 KJF983094:KJF983095 KTB983094:KTB983095 LCX983094:LCX983095 LMT983094:LMT983095 LWP983094:LWP983095 MGL983094:MGL983095 MQH983094:MQH983095 NAD983094:NAD983095 NJZ983094:NJZ983095 NTV983094:NTV983095 ODR983094:ODR983095 ONN983094:ONN983095 OXJ983094:OXJ983095 PHF983094:PHF983095 PRB983094:PRB983095 QAX983094:QAX983095 QKT983094:QKT983095 QUP983094:QUP983095 REL983094:REL983095 ROH983094:ROH983095 RYD983094:RYD983095 SHZ983094:SHZ983095 SRV983094:SRV983095 TBR983094:TBR983095 TLN983094:TLN983095 TVJ983094:TVJ983095 UFF983094:UFF983095 UPB983094:UPB983095 UYX983094:UYX983095 VIT983094:VIT983095 VSP983094:VSP983095 WCL983094:WCL983095 WMH983094:WMH983095 WWD983094:WWD983095 X54:X55 JT54:JT55 TP54:TP55 ADL54:ADL55 ANH54:ANH55 AXD54:AXD55 BGZ54:BGZ55 BQV54:BQV55 CAR54:CAR55 CKN54:CKN55 CUJ54:CUJ55 DEF54:DEF55 DOB54:DOB55 DXX54:DXX55 EHT54:EHT55 ERP54:ERP55 FBL54:FBL55 FLH54:FLH55 FVD54:FVD55 GEZ54:GEZ55 GOV54:GOV55 GYR54:GYR55 HIN54:HIN55 HSJ54:HSJ55 ICF54:ICF55 IMB54:IMB55 IVX54:IVX55 JFT54:JFT55 JPP54:JPP55 JZL54:JZL55 KJH54:KJH55 KTD54:KTD55 LCZ54:LCZ55 LMV54:LMV55 LWR54:LWR55 MGN54:MGN55 MQJ54:MQJ55 NAF54:NAF55 NKB54:NKB55 NTX54:NTX55 ODT54:ODT55 ONP54:ONP55 OXL54:OXL55 PHH54:PHH55 PRD54:PRD55 QAZ54:QAZ55 QKV54:QKV55 QUR54:QUR55 REN54:REN55 ROJ54:ROJ55 RYF54:RYF55 SIB54:SIB55 SRX54:SRX55 TBT54:TBT55 TLP54:TLP55 TVL54:TVL55 UFH54:UFH55 UPD54:UPD55 UYZ54:UYZ55 VIV54:VIV55 VSR54:VSR55 WCN54:WCN55 WMJ54:WMJ55 WWF54:WWF55 X65590:X65591 JT65590:JT65591 TP65590:TP65591 ADL65590:ADL65591 ANH65590:ANH65591 AXD65590:AXD65591 BGZ65590:BGZ65591 BQV65590:BQV65591 CAR65590:CAR65591 CKN65590:CKN65591 CUJ65590:CUJ65591 DEF65590:DEF65591 DOB65590:DOB65591 DXX65590:DXX65591 EHT65590:EHT65591 ERP65590:ERP65591 FBL65590:FBL65591 FLH65590:FLH65591 FVD65590:FVD65591 GEZ65590:GEZ65591 GOV65590:GOV65591 GYR65590:GYR65591 HIN65590:HIN65591 HSJ65590:HSJ65591 ICF65590:ICF65591 IMB65590:IMB65591 IVX65590:IVX65591 JFT65590:JFT65591 JPP65590:JPP65591 JZL65590:JZL65591 KJH65590:KJH65591 KTD65590:KTD65591 LCZ65590:LCZ65591 LMV65590:LMV65591 LWR65590:LWR65591 MGN65590:MGN65591 MQJ65590:MQJ65591 NAF65590:NAF65591 NKB65590:NKB65591 NTX65590:NTX65591 ODT65590:ODT65591 ONP65590:ONP65591 OXL65590:OXL65591 PHH65590:PHH65591 PRD65590:PRD65591 QAZ65590:QAZ65591 QKV65590:QKV65591 QUR65590:QUR65591 REN65590:REN65591 ROJ65590:ROJ65591 RYF65590:RYF65591 SIB65590:SIB65591 SRX65590:SRX65591 TBT65590:TBT65591 TLP65590:TLP65591 TVL65590:TVL65591 UFH65590:UFH65591 UPD65590:UPD65591 UYZ65590:UYZ65591 VIV65590:VIV65591 VSR65590:VSR65591 WCN65590:WCN65591 WMJ65590:WMJ65591 WWF65590:WWF65591 X131126:X131127 JT131126:JT131127 TP131126:TP131127 ADL131126:ADL131127 ANH131126:ANH131127 AXD131126:AXD131127 BGZ131126:BGZ131127 BQV131126:BQV131127 CAR131126:CAR131127 CKN131126:CKN131127 CUJ131126:CUJ131127 DEF131126:DEF131127 DOB131126:DOB131127 DXX131126:DXX131127 EHT131126:EHT131127 ERP131126:ERP131127 FBL131126:FBL131127 FLH131126:FLH131127 FVD131126:FVD131127 GEZ131126:GEZ131127 GOV131126:GOV131127 GYR131126:GYR131127 HIN131126:HIN131127 HSJ131126:HSJ131127 ICF131126:ICF131127 IMB131126:IMB131127 IVX131126:IVX131127 JFT131126:JFT131127 JPP131126:JPP131127 JZL131126:JZL131127 KJH131126:KJH131127 KTD131126:KTD131127 LCZ131126:LCZ131127 LMV131126:LMV131127 LWR131126:LWR131127 MGN131126:MGN131127 MQJ131126:MQJ131127 NAF131126:NAF131127 NKB131126:NKB131127 NTX131126:NTX131127 ODT131126:ODT131127 ONP131126:ONP131127 OXL131126:OXL131127 PHH131126:PHH131127 PRD131126:PRD131127 QAZ131126:QAZ131127 QKV131126:QKV131127 QUR131126:QUR131127 REN131126:REN131127 ROJ131126:ROJ131127 RYF131126:RYF131127 SIB131126:SIB131127 SRX131126:SRX131127 TBT131126:TBT131127 TLP131126:TLP131127 TVL131126:TVL131127 UFH131126:UFH131127 UPD131126:UPD131127 UYZ131126:UYZ131127 VIV131126:VIV131127 VSR131126:VSR131127 WCN131126:WCN131127 WMJ131126:WMJ131127 WWF131126:WWF131127 X196662:X196663 JT196662:JT196663 TP196662:TP196663 ADL196662:ADL196663 ANH196662:ANH196663 AXD196662:AXD196663 BGZ196662:BGZ196663 BQV196662:BQV196663 CAR196662:CAR196663 CKN196662:CKN196663 CUJ196662:CUJ196663 DEF196662:DEF196663 DOB196662:DOB196663 DXX196662:DXX196663 EHT196662:EHT196663 ERP196662:ERP196663 FBL196662:FBL196663 FLH196662:FLH196663 FVD196662:FVD196663 GEZ196662:GEZ196663 GOV196662:GOV196663 GYR196662:GYR196663 HIN196662:HIN196663 HSJ196662:HSJ196663 ICF196662:ICF196663 IMB196662:IMB196663 IVX196662:IVX196663 JFT196662:JFT196663 JPP196662:JPP196663 JZL196662:JZL196663 KJH196662:KJH196663 KTD196662:KTD196663 LCZ196662:LCZ196663 LMV196662:LMV196663 LWR196662:LWR196663 MGN196662:MGN196663 MQJ196662:MQJ196663 NAF196662:NAF196663 NKB196662:NKB196663 NTX196662:NTX196663 ODT196662:ODT196663 ONP196662:ONP196663 OXL196662:OXL196663 PHH196662:PHH196663 PRD196662:PRD196663 QAZ196662:QAZ196663 QKV196662:QKV196663 QUR196662:QUR196663 REN196662:REN196663 ROJ196662:ROJ196663 RYF196662:RYF196663 SIB196662:SIB196663 SRX196662:SRX196663 TBT196662:TBT196663 TLP196662:TLP196663 TVL196662:TVL196663 UFH196662:UFH196663 UPD196662:UPD196663 UYZ196662:UYZ196663 VIV196662:VIV196663 VSR196662:VSR196663 WCN196662:WCN196663 WMJ196662:WMJ196663 WWF196662:WWF196663 X262198:X262199 JT262198:JT262199 TP262198:TP262199 ADL262198:ADL262199 ANH262198:ANH262199 AXD262198:AXD262199 BGZ262198:BGZ262199 BQV262198:BQV262199 CAR262198:CAR262199 CKN262198:CKN262199 CUJ262198:CUJ262199 DEF262198:DEF262199 DOB262198:DOB262199 DXX262198:DXX262199 EHT262198:EHT262199 ERP262198:ERP262199 FBL262198:FBL262199 FLH262198:FLH262199 FVD262198:FVD262199 GEZ262198:GEZ262199 GOV262198:GOV262199 GYR262198:GYR262199 HIN262198:HIN262199 HSJ262198:HSJ262199 ICF262198:ICF262199 IMB262198:IMB262199 IVX262198:IVX262199 JFT262198:JFT262199 JPP262198:JPP262199 JZL262198:JZL262199 KJH262198:KJH262199 KTD262198:KTD262199 LCZ262198:LCZ262199 LMV262198:LMV262199 LWR262198:LWR262199 MGN262198:MGN262199 MQJ262198:MQJ262199 NAF262198:NAF262199 NKB262198:NKB262199 NTX262198:NTX262199 ODT262198:ODT262199 ONP262198:ONP262199 OXL262198:OXL262199 PHH262198:PHH262199 PRD262198:PRD262199 QAZ262198:QAZ262199 QKV262198:QKV262199 QUR262198:QUR262199 REN262198:REN262199 ROJ262198:ROJ262199 RYF262198:RYF262199 SIB262198:SIB262199 SRX262198:SRX262199 TBT262198:TBT262199 TLP262198:TLP262199 TVL262198:TVL262199 UFH262198:UFH262199 UPD262198:UPD262199 UYZ262198:UYZ262199 VIV262198:VIV262199 VSR262198:VSR262199 WCN262198:WCN262199 WMJ262198:WMJ262199 WWF262198:WWF262199 X327734:X327735 JT327734:JT327735 TP327734:TP327735 ADL327734:ADL327735 ANH327734:ANH327735 AXD327734:AXD327735 BGZ327734:BGZ327735 BQV327734:BQV327735 CAR327734:CAR327735 CKN327734:CKN327735 CUJ327734:CUJ327735 DEF327734:DEF327735 DOB327734:DOB327735 DXX327734:DXX327735 EHT327734:EHT327735 ERP327734:ERP327735 FBL327734:FBL327735 FLH327734:FLH327735 FVD327734:FVD327735 GEZ327734:GEZ327735 GOV327734:GOV327735 GYR327734:GYR327735 HIN327734:HIN327735 HSJ327734:HSJ327735 ICF327734:ICF327735 IMB327734:IMB327735 IVX327734:IVX327735 JFT327734:JFT327735 JPP327734:JPP327735 JZL327734:JZL327735 KJH327734:KJH327735 KTD327734:KTD327735 LCZ327734:LCZ327735 LMV327734:LMV327735 LWR327734:LWR327735 MGN327734:MGN327735 MQJ327734:MQJ327735 NAF327734:NAF327735 NKB327734:NKB327735 NTX327734:NTX327735 ODT327734:ODT327735 ONP327734:ONP327735 OXL327734:OXL327735 PHH327734:PHH327735 PRD327734:PRD327735 QAZ327734:QAZ327735 QKV327734:QKV327735 QUR327734:QUR327735 REN327734:REN327735 ROJ327734:ROJ327735 RYF327734:RYF327735 SIB327734:SIB327735 SRX327734:SRX327735 TBT327734:TBT327735 TLP327734:TLP327735 TVL327734:TVL327735 UFH327734:UFH327735 UPD327734:UPD327735 UYZ327734:UYZ327735 VIV327734:VIV327735 VSR327734:VSR327735 WCN327734:WCN327735 WMJ327734:WMJ327735 WWF327734:WWF327735 X393270:X393271 JT393270:JT393271 TP393270:TP393271 ADL393270:ADL393271 ANH393270:ANH393271 AXD393270:AXD393271 BGZ393270:BGZ393271 BQV393270:BQV393271 CAR393270:CAR393271 CKN393270:CKN393271 CUJ393270:CUJ393271 DEF393270:DEF393271 DOB393270:DOB393271 DXX393270:DXX393271 EHT393270:EHT393271 ERP393270:ERP393271 FBL393270:FBL393271 FLH393270:FLH393271 FVD393270:FVD393271 GEZ393270:GEZ393271 GOV393270:GOV393271 GYR393270:GYR393271 HIN393270:HIN393271 HSJ393270:HSJ393271 ICF393270:ICF393271 IMB393270:IMB393271 IVX393270:IVX393271 JFT393270:JFT393271 JPP393270:JPP393271 JZL393270:JZL393271 KJH393270:KJH393271 KTD393270:KTD393271 LCZ393270:LCZ393271 LMV393270:LMV393271 LWR393270:LWR393271 MGN393270:MGN393271 MQJ393270:MQJ393271 NAF393270:NAF393271 NKB393270:NKB393271 NTX393270:NTX393271 ODT393270:ODT393271 ONP393270:ONP393271 OXL393270:OXL393271 PHH393270:PHH393271 PRD393270:PRD393271 QAZ393270:QAZ393271 QKV393270:QKV393271 QUR393270:QUR393271 REN393270:REN393271 ROJ393270:ROJ393271 RYF393270:RYF393271 SIB393270:SIB393271 SRX393270:SRX393271 TBT393270:TBT393271 TLP393270:TLP393271 TVL393270:TVL393271 UFH393270:UFH393271 UPD393270:UPD393271 UYZ393270:UYZ393271 VIV393270:VIV393271 VSR393270:VSR393271 WCN393270:WCN393271 WMJ393270:WMJ393271 WWF393270:WWF393271 X458806:X458807 JT458806:JT458807 TP458806:TP458807 ADL458806:ADL458807 ANH458806:ANH458807 AXD458806:AXD458807 BGZ458806:BGZ458807 BQV458806:BQV458807 CAR458806:CAR458807 CKN458806:CKN458807 CUJ458806:CUJ458807 DEF458806:DEF458807 DOB458806:DOB458807 DXX458806:DXX458807 EHT458806:EHT458807 ERP458806:ERP458807 FBL458806:FBL458807 FLH458806:FLH458807 FVD458806:FVD458807 GEZ458806:GEZ458807 GOV458806:GOV458807 GYR458806:GYR458807 HIN458806:HIN458807 HSJ458806:HSJ458807 ICF458806:ICF458807 IMB458806:IMB458807 IVX458806:IVX458807 JFT458806:JFT458807 JPP458806:JPP458807 JZL458806:JZL458807 KJH458806:KJH458807 KTD458806:KTD458807 LCZ458806:LCZ458807 LMV458806:LMV458807 LWR458806:LWR458807 MGN458806:MGN458807 MQJ458806:MQJ458807 NAF458806:NAF458807 NKB458806:NKB458807 NTX458806:NTX458807 ODT458806:ODT458807 ONP458806:ONP458807 OXL458806:OXL458807 PHH458806:PHH458807 PRD458806:PRD458807 QAZ458806:QAZ458807 QKV458806:QKV458807 QUR458806:QUR458807 REN458806:REN458807 ROJ458806:ROJ458807 RYF458806:RYF458807 SIB458806:SIB458807 SRX458806:SRX458807 TBT458806:TBT458807 TLP458806:TLP458807 TVL458806:TVL458807 UFH458806:UFH458807 UPD458806:UPD458807 UYZ458806:UYZ458807 VIV458806:VIV458807 VSR458806:VSR458807 WCN458806:WCN458807 WMJ458806:WMJ458807 WWF458806:WWF458807 X524342:X524343 JT524342:JT524343 TP524342:TP524343 ADL524342:ADL524343 ANH524342:ANH524343 AXD524342:AXD524343 BGZ524342:BGZ524343 BQV524342:BQV524343 CAR524342:CAR524343 CKN524342:CKN524343 CUJ524342:CUJ524343 DEF524342:DEF524343 DOB524342:DOB524343 DXX524342:DXX524343 EHT524342:EHT524343 ERP524342:ERP524343 FBL524342:FBL524343 FLH524342:FLH524343 FVD524342:FVD524343 GEZ524342:GEZ524343 GOV524342:GOV524343 GYR524342:GYR524343 HIN524342:HIN524343 HSJ524342:HSJ524343 ICF524342:ICF524343 IMB524342:IMB524343 IVX524342:IVX524343 JFT524342:JFT524343 JPP524342:JPP524343 JZL524342:JZL524343 KJH524342:KJH524343 KTD524342:KTD524343 LCZ524342:LCZ524343 LMV524342:LMV524343 LWR524342:LWR524343 MGN524342:MGN524343 MQJ524342:MQJ524343 NAF524342:NAF524343 NKB524342:NKB524343 NTX524342:NTX524343 ODT524342:ODT524343 ONP524342:ONP524343 OXL524342:OXL524343 PHH524342:PHH524343 PRD524342:PRD524343 QAZ524342:QAZ524343 QKV524342:QKV524343 QUR524342:QUR524343 REN524342:REN524343 ROJ524342:ROJ524343 RYF524342:RYF524343 SIB524342:SIB524343 SRX524342:SRX524343 TBT524342:TBT524343 TLP524342:TLP524343 TVL524342:TVL524343 UFH524342:UFH524343 UPD524342:UPD524343 UYZ524342:UYZ524343 VIV524342:VIV524343 VSR524342:VSR524343 WCN524342:WCN524343 WMJ524342:WMJ524343 WWF524342:WWF524343 X589878:X589879 JT589878:JT589879 TP589878:TP589879 ADL589878:ADL589879 ANH589878:ANH589879 AXD589878:AXD589879 BGZ589878:BGZ589879 BQV589878:BQV589879 CAR589878:CAR589879 CKN589878:CKN589879 CUJ589878:CUJ589879 DEF589878:DEF589879 DOB589878:DOB589879 DXX589878:DXX589879 EHT589878:EHT589879 ERP589878:ERP589879 FBL589878:FBL589879 FLH589878:FLH589879 FVD589878:FVD589879 GEZ589878:GEZ589879 GOV589878:GOV589879 GYR589878:GYR589879 HIN589878:HIN589879 HSJ589878:HSJ589879 ICF589878:ICF589879 IMB589878:IMB589879 IVX589878:IVX589879 JFT589878:JFT589879 JPP589878:JPP589879 JZL589878:JZL589879 KJH589878:KJH589879 KTD589878:KTD589879 LCZ589878:LCZ589879 LMV589878:LMV589879 LWR589878:LWR589879 MGN589878:MGN589879 MQJ589878:MQJ589879 NAF589878:NAF589879 NKB589878:NKB589879 NTX589878:NTX589879 ODT589878:ODT589879 ONP589878:ONP589879 OXL589878:OXL589879 PHH589878:PHH589879 PRD589878:PRD589879 QAZ589878:QAZ589879 QKV589878:QKV589879 QUR589878:QUR589879 REN589878:REN589879 ROJ589878:ROJ589879 RYF589878:RYF589879 SIB589878:SIB589879 SRX589878:SRX589879 TBT589878:TBT589879 TLP589878:TLP589879 TVL589878:TVL589879 UFH589878:UFH589879 UPD589878:UPD589879 UYZ589878:UYZ589879 VIV589878:VIV589879 VSR589878:VSR589879 WCN589878:WCN589879 WMJ589878:WMJ589879 WWF589878:WWF589879 X655414:X655415 JT655414:JT655415 TP655414:TP655415 ADL655414:ADL655415 ANH655414:ANH655415 AXD655414:AXD655415 BGZ655414:BGZ655415 BQV655414:BQV655415 CAR655414:CAR655415 CKN655414:CKN655415 CUJ655414:CUJ655415 DEF655414:DEF655415 DOB655414:DOB655415 DXX655414:DXX655415 EHT655414:EHT655415 ERP655414:ERP655415 FBL655414:FBL655415 FLH655414:FLH655415 FVD655414:FVD655415 GEZ655414:GEZ655415 GOV655414:GOV655415 GYR655414:GYR655415 HIN655414:HIN655415 HSJ655414:HSJ655415 ICF655414:ICF655415 IMB655414:IMB655415 IVX655414:IVX655415 JFT655414:JFT655415 JPP655414:JPP655415 JZL655414:JZL655415 KJH655414:KJH655415 KTD655414:KTD655415 LCZ655414:LCZ655415 LMV655414:LMV655415 LWR655414:LWR655415 MGN655414:MGN655415 MQJ655414:MQJ655415 NAF655414:NAF655415 NKB655414:NKB655415 NTX655414:NTX655415 ODT655414:ODT655415 ONP655414:ONP655415 OXL655414:OXL655415 PHH655414:PHH655415 PRD655414:PRD655415 QAZ655414:QAZ655415 QKV655414:QKV655415 QUR655414:QUR655415 REN655414:REN655415 ROJ655414:ROJ655415 RYF655414:RYF655415 SIB655414:SIB655415 SRX655414:SRX655415 TBT655414:TBT655415 TLP655414:TLP655415 TVL655414:TVL655415 UFH655414:UFH655415 UPD655414:UPD655415 UYZ655414:UYZ655415 VIV655414:VIV655415 VSR655414:VSR655415 WCN655414:WCN655415 WMJ655414:WMJ655415 WWF655414:WWF655415 X720950:X720951 JT720950:JT720951 TP720950:TP720951 ADL720950:ADL720951 ANH720950:ANH720951 AXD720950:AXD720951 BGZ720950:BGZ720951 BQV720950:BQV720951 CAR720950:CAR720951 CKN720950:CKN720951 CUJ720950:CUJ720951 DEF720950:DEF720951 DOB720950:DOB720951 DXX720950:DXX720951 EHT720950:EHT720951 ERP720950:ERP720951 FBL720950:FBL720951 FLH720950:FLH720951 FVD720950:FVD720951 GEZ720950:GEZ720951 GOV720950:GOV720951 GYR720950:GYR720951 HIN720950:HIN720951 HSJ720950:HSJ720951 ICF720950:ICF720951 IMB720950:IMB720951 IVX720950:IVX720951 JFT720950:JFT720951 JPP720950:JPP720951 JZL720950:JZL720951 KJH720950:KJH720951 KTD720950:KTD720951 LCZ720950:LCZ720951 LMV720950:LMV720951 LWR720950:LWR720951 MGN720950:MGN720951 MQJ720950:MQJ720951 NAF720950:NAF720951 NKB720950:NKB720951 NTX720950:NTX720951 ODT720950:ODT720951 ONP720950:ONP720951 OXL720950:OXL720951 PHH720950:PHH720951 PRD720950:PRD720951 QAZ720950:QAZ720951 QKV720950:QKV720951 QUR720950:QUR720951 REN720950:REN720951 ROJ720950:ROJ720951 RYF720950:RYF720951 SIB720950:SIB720951 SRX720950:SRX720951 TBT720950:TBT720951 TLP720950:TLP720951 TVL720950:TVL720951 UFH720950:UFH720951 UPD720950:UPD720951 UYZ720950:UYZ720951 VIV720950:VIV720951 VSR720950:VSR720951 WCN720950:WCN720951 WMJ720950:WMJ720951 WWF720950:WWF720951 X786486:X786487 JT786486:JT786487 TP786486:TP786487 ADL786486:ADL786487 ANH786486:ANH786487 AXD786486:AXD786487 BGZ786486:BGZ786487 BQV786486:BQV786487 CAR786486:CAR786487 CKN786486:CKN786487 CUJ786486:CUJ786487 DEF786486:DEF786487 DOB786486:DOB786487 DXX786486:DXX786487 EHT786486:EHT786487 ERP786486:ERP786487 FBL786486:FBL786487 FLH786486:FLH786487 FVD786486:FVD786487 GEZ786486:GEZ786487 GOV786486:GOV786487 GYR786486:GYR786487 HIN786486:HIN786487 HSJ786486:HSJ786487 ICF786486:ICF786487 IMB786486:IMB786487 IVX786486:IVX786487 JFT786486:JFT786487 JPP786486:JPP786487 JZL786486:JZL786487 KJH786486:KJH786487 KTD786486:KTD786487 LCZ786486:LCZ786487 LMV786486:LMV786487 LWR786486:LWR786487 MGN786486:MGN786487 MQJ786486:MQJ786487 NAF786486:NAF786487 NKB786486:NKB786487 NTX786486:NTX786487 ODT786486:ODT786487 ONP786486:ONP786487 OXL786486:OXL786487 PHH786486:PHH786487 PRD786486:PRD786487 QAZ786486:QAZ786487 QKV786486:QKV786487 QUR786486:QUR786487 REN786486:REN786487 ROJ786486:ROJ786487 RYF786486:RYF786487 SIB786486:SIB786487 SRX786486:SRX786487 TBT786486:TBT786487 TLP786486:TLP786487 TVL786486:TVL786487 UFH786486:UFH786487 UPD786486:UPD786487 UYZ786486:UYZ786487 VIV786486:VIV786487 VSR786486:VSR786487 WCN786486:WCN786487 WMJ786486:WMJ786487 WWF786486:WWF786487 X852022:X852023 JT852022:JT852023 TP852022:TP852023 ADL852022:ADL852023 ANH852022:ANH852023 AXD852022:AXD852023 BGZ852022:BGZ852023 BQV852022:BQV852023 CAR852022:CAR852023 CKN852022:CKN852023 CUJ852022:CUJ852023 DEF852022:DEF852023 DOB852022:DOB852023 DXX852022:DXX852023 EHT852022:EHT852023 ERP852022:ERP852023 FBL852022:FBL852023 FLH852022:FLH852023 FVD852022:FVD852023 GEZ852022:GEZ852023 GOV852022:GOV852023 GYR852022:GYR852023 HIN852022:HIN852023 HSJ852022:HSJ852023 ICF852022:ICF852023 IMB852022:IMB852023 IVX852022:IVX852023 JFT852022:JFT852023 JPP852022:JPP852023 JZL852022:JZL852023 KJH852022:KJH852023 KTD852022:KTD852023 LCZ852022:LCZ852023 LMV852022:LMV852023 LWR852022:LWR852023 MGN852022:MGN852023 MQJ852022:MQJ852023 NAF852022:NAF852023 NKB852022:NKB852023 NTX852022:NTX852023 ODT852022:ODT852023 ONP852022:ONP852023 OXL852022:OXL852023 PHH852022:PHH852023 PRD852022:PRD852023 QAZ852022:QAZ852023 QKV852022:QKV852023 QUR852022:QUR852023 REN852022:REN852023 ROJ852022:ROJ852023 RYF852022:RYF852023 SIB852022:SIB852023 SRX852022:SRX852023 TBT852022:TBT852023 TLP852022:TLP852023 TVL852022:TVL852023 UFH852022:UFH852023 UPD852022:UPD852023 UYZ852022:UYZ852023 VIV852022:VIV852023 VSR852022:VSR852023 WCN852022:WCN852023 WMJ852022:WMJ852023 WWF852022:WWF852023 X917558:X917559 JT917558:JT917559 TP917558:TP917559 ADL917558:ADL917559 ANH917558:ANH917559 AXD917558:AXD917559 BGZ917558:BGZ917559 BQV917558:BQV917559 CAR917558:CAR917559 CKN917558:CKN917559 CUJ917558:CUJ917559 DEF917558:DEF917559 DOB917558:DOB917559 DXX917558:DXX917559 EHT917558:EHT917559 ERP917558:ERP917559 FBL917558:FBL917559 FLH917558:FLH917559 FVD917558:FVD917559 GEZ917558:GEZ917559 GOV917558:GOV917559 GYR917558:GYR917559 HIN917558:HIN917559 HSJ917558:HSJ917559 ICF917558:ICF917559 IMB917558:IMB917559 IVX917558:IVX917559 JFT917558:JFT917559 JPP917558:JPP917559 JZL917558:JZL917559 KJH917558:KJH917559 KTD917558:KTD917559 LCZ917558:LCZ917559 LMV917558:LMV917559 LWR917558:LWR917559 MGN917558:MGN917559 MQJ917558:MQJ917559 NAF917558:NAF917559 NKB917558:NKB917559 NTX917558:NTX917559 ODT917558:ODT917559 ONP917558:ONP917559 OXL917558:OXL917559 PHH917558:PHH917559 PRD917558:PRD917559 QAZ917558:QAZ917559 QKV917558:QKV917559 QUR917558:QUR917559 REN917558:REN917559 ROJ917558:ROJ917559 RYF917558:RYF917559 SIB917558:SIB917559 SRX917558:SRX917559 TBT917558:TBT917559 TLP917558:TLP917559 TVL917558:TVL917559 UFH917558:UFH917559 UPD917558:UPD917559 UYZ917558:UYZ917559 VIV917558:VIV917559 VSR917558:VSR917559 WCN917558:WCN917559 WMJ917558:WMJ917559 WWF917558:WWF917559 X983094:X983095 JT983094:JT983095 TP983094:TP983095 ADL983094:ADL983095 ANH983094:ANH983095 AXD983094:AXD983095 BGZ983094:BGZ983095 BQV983094:BQV983095 CAR983094:CAR983095 CKN983094:CKN983095 CUJ983094:CUJ983095 DEF983094:DEF983095 DOB983094:DOB983095 DXX983094:DXX983095 EHT983094:EHT983095 ERP983094:ERP983095 FBL983094:FBL983095 FLH983094:FLH983095 FVD983094:FVD983095 GEZ983094:GEZ983095 GOV983094:GOV983095 GYR983094:GYR983095 HIN983094:HIN983095 HSJ983094:HSJ983095 ICF983094:ICF983095 IMB983094:IMB983095 IVX983094:IVX983095 JFT983094:JFT983095 JPP983094:JPP983095 JZL983094:JZL983095 KJH983094:KJH983095 KTD983094:KTD983095 LCZ983094:LCZ983095 LMV983094:LMV983095 LWR983094:LWR983095 MGN983094:MGN983095 MQJ983094:MQJ983095 NAF983094:NAF983095 NKB983094:NKB983095 NTX983094:NTX983095 ODT983094:ODT983095 ONP983094:ONP983095 OXL983094:OXL983095 PHH983094:PHH983095 PRD983094:PRD983095 QAZ983094:QAZ983095 QKV983094:QKV983095 QUR983094:QUR983095 REN983094:REN983095 ROJ983094:ROJ983095 RYF983094:RYF983095 SIB983094:SIB983095 SRX983094:SRX983095 TBT983094:TBT983095 TLP983094:TLP983095 TVL983094:TVL983095 UFH983094:UFH983095 UPD983094:UPD983095 UYZ983094:UYZ983095 VIV983094:VIV983095 VSR983094:VSR983095 WCN983094:WCN983095 WMJ983094:WMJ983095 WWF983094:WWF983095 V67 JR67 TN67 ADJ67 ANF67 AXB67 BGX67 BQT67 CAP67 CKL67 CUH67 DED67 DNZ67 DXV67 EHR67 ERN67 FBJ67 FLF67 FVB67 GEX67 GOT67 GYP67 HIL67 HSH67 ICD67 ILZ67 IVV67 JFR67 JPN67 JZJ67 KJF67 KTB67 LCX67 LMT67 LWP67 MGL67 MQH67 NAD67 NJZ67 NTV67 ODR67 ONN67 OXJ67 PHF67 PRB67 QAX67 QKT67 QUP67 REL67 ROH67 RYD67 SHZ67 SRV67 TBR67 TLN67 TVJ67 UFF67 UPB67 UYX67 VIT67 VSP67 WCL67 WMH67 WWD67 V65603 JR65603 TN65603 ADJ65603 ANF65603 AXB65603 BGX65603 BQT65603 CAP65603 CKL65603 CUH65603 DED65603 DNZ65603 DXV65603 EHR65603 ERN65603 FBJ65603 FLF65603 FVB65603 GEX65603 GOT65603 GYP65603 HIL65603 HSH65603 ICD65603 ILZ65603 IVV65603 JFR65603 JPN65603 JZJ65603 KJF65603 KTB65603 LCX65603 LMT65603 LWP65603 MGL65603 MQH65603 NAD65603 NJZ65603 NTV65603 ODR65603 ONN65603 OXJ65603 PHF65603 PRB65603 QAX65603 QKT65603 QUP65603 REL65603 ROH65603 RYD65603 SHZ65603 SRV65603 TBR65603 TLN65603 TVJ65603 UFF65603 UPB65603 UYX65603 VIT65603 VSP65603 WCL65603 WMH65603 WWD65603 V131139 JR131139 TN131139 ADJ131139 ANF131139 AXB131139 BGX131139 BQT131139 CAP131139 CKL131139 CUH131139 DED131139 DNZ131139 DXV131139 EHR131139 ERN131139 FBJ131139 FLF131139 FVB131139 GEX131139 GOT131139 GYP131139 HIL131139 HSH131139 ICD131139 ILZ131139 IVV131139 JFR131139 JPN131139 JZJ131139 KJF131139 KTB131139 LCX131139 LMT131139 LWP131139 MGL131139 MQH131139 NAD131139 NJZ131139 NTV131139 ODR131139 ONN131139 OXJ131139 PHF131139 PRB131139 QAX131139 QKT131139 QUP131139 REL131139 ROH131139 RYD131139 SHZ131139 SRV131139 TBR131139 TLN131139 TVJ131139 UFF131139 UPB131139 UYX131139 VIT131139 VSP131139 WCL131139 WMH131139 WWD131139 V196675 JR196675 TN196675 ADJ196675 ANF196675 AXB196675 BGX196675 BQT196675 CAP196675 CKL196675 CUH196675 DED196675 DNZ196675 DXV196675 EHR196675 ERN196675 FBJ196675 FLF196675 FVB196675 GEX196675 GOT196675 GYP196675 HIL196675 HSH196675 ICD196675 ILZ196675 IVV196675 JFR196675 JPN196675 JZJ196675 KJF196675 KTB196675 LCX196675 LMT196675 LWP196675 MGL196675 MQH196675 NAD196675 NJZ196675 NTV196675 ODR196675 ONN196675 OXJ196675 PHF196675 PRB196675 QAX196675 QKT196675 QUP196675 REL196675 ROH196675 RYD196675 SHZ196675 SRV196675 TBR196675 TLN196675 TVJ196675 UFF196675 UPB196675 UYX196675 VIT196675 VSP196675 WCL196675 WMH196675 WWD196675 V262211 JR262211 TN262211 ADJ262211 ANF262211 AXB262211 BGX262211 BQT262211 CAP262211 CKL262211 CUH262211 DED262211 DNZ262211 DXV262211 EHR262211 ERN262211 FBJ262211 FLF262211 FVB262211 GEX262211 GOT262211 GYP262211 HIL262211 HSH262211 ICD262211 ILZ262211 IVV262211 JFR262211 JPN262211 JZJ262211 KJF262211 KTB262211 LCX262211 LMT262211 LWP262211 MGL262211 MQH262211 NAD262211 NJZ262211 NTV262211 ODR262211 ONN262211 OXJ262211 PHF262211 PRB262211 QAX262211 QKT262211 QUP262211 REL262211 ROH262211 RYD262211 SHZ262211 SRV262211 TBR262211 TLN262211 TVJ262211 UFF262211 UPB262211 UYX262211 VIT262211 VSP262211 WCL262211 WMH262211 WWD262211 V327747 JR327747 TN327747 ADJ327747 ANF327747 AXB327747 BGX327747 BQT327747 CAP327747 CKL327747 CUH327747 DED327747 DNZ327747 DXV327747 EHR327747 ERN327747 FBJ327747 FLF327747 FVB327747 GEX327747 GOT327747 GYP327747 HIL327747 HSH327747 ICD327747 ILZ327747 IVV327747 JFR327747 JPN327747 JZJ327747 KJF327747 KTB327747 LCX327747 LMT327747 LWP327747 MGL327747 MQH327747 NAD327747 NJZ327747 NTV327747 ODR327747 ONN327747 OXJ327747 PHF327747 PRB327747 QAX327747 QKT327747 QUP327747 REL327747 ROH327747 RYD327747 SHZ327747 SRV327747 TBR327747 TLN327747 TVJ327747 UFF327747 UPB327747 UYX327747 VIT327747 VSP327747 WCL327747 WMH327747 WWD327747 V393283 JR393283 TN393283 ADJ393283 ANF393283 AXB393283 BGX393283 BQT393283 CAP393283 CKL393283 CUH393283 DED393283 DNZ393283 DXV393283 EHR393283 ERN393283 FBJ393283 FLF393283 FVB393283 GEX393283 GOT393283 GYP393283 HIL393283 HSH393283 ICD393283 ILZ393283 IVV393283 JFR393283 JPN393283 JZJ393283 KJF393283 KTB393283 LCX393283 LMT393283 LWP393283 MGL393283 MQH393283 NAD393283 NJZ393283 NTV393283 ODR393283 ONN393283 OXJ393283 PHF393283 PRB393283 QAX393283 QKT393283 QUP393283 REL393283 ROH393283 RYD393283 SHZ393283 SRV393283 TBR393283 TLN393283 TVJ393283 UFF393283 UPB393283 UYX393283 VIT393283 VSP393283 WCL393283 WMH393283 WWD393283 V458819 JR458819 TN458819 ADJ458819 ANF458819 AXB458819 BGX458819 BQT458819 CAP458819 CKL458819 CUH458819 DED458819 DNZ458819 DXV458819 EHR458819 ERN458819 FBJ458819 FLF458819 FVB458819 GEX458819 GOT458819 GYP458819 HIL458819 HSH458819 ICD458819 ILZ458819 IVV458819 JFR458819 JPN458819 JZJ458819 KJF458819 KTB458819 LCX458819 LMT458819 LWP458819 MGL458819 MQH458819 NAD458819 NJZ458819 NTV458819 ODR458819 ONN458819 OXJ458819 PHF458819 PRB458819 QAX458819 QKT458819 QUP458819 REL458819 ROH458819 RYD458819 SHZ458819 SRV458819 TBR458819 TLN458819 TVJ458819 UFF458819 UPB458819 UYX458819 VIT458819 VSP458819 WCL458819 WMH458819 WWD458819 V524355 JR524355 TN524355 ADJ524355 ANF524355 AXB524355 BGX524355 BQT524355 CAP524355 CKL524355 CUH524355 DED524355 DNZ524355 DXV524355 EHR524355 ERN524355 FBJ524355 FLF524355 FVB524355 GEX524355 GOT524355 GYP524355 HIL524355 HSH524355 ICD524355 ILZ524355 IVV524355 JFR524355 JPN524355 JZJ524355 KJF524355 KTB524355 LCX524355 LMT524355 LWP524355 MGL524355 MQH524355 NAD524355 NJZ524355 NTV524355 ODR524355 ONN524355 OXJ524355 PHF524355 PRB524355 QAX524355 QKT524355 QUP524355 REL524355 ROH524355 RYD524355 SHZ524355 SRV524355 TBR524355 TLN524355 TVJ524355 UFF524355 UPB524355 UYX524355 VIT524355 VSP524355 WCL524355 WMH524355 WWD524355 V589891 JR589891 TN589891 ADJ589891 ANF589891 AXB589891 BGX589891 BQT589891 CAP589891 CKL589891 CUH589891 DED589891 DNZ589891 DXV589891 EHR589891 ERN589891 FBJ589891 FLF589891 FVB589891 GEX589891 GOT589891 GYP589891 HIL589891 HSH589891 ICD589891 ILZ589891 IVV589891 JFR589891 JPN589891 JZJ589891 KJF589891 KTB589891 LCX589891 LMT589891 LWP589891 MGL589891 MQH589891 NAD589891 NJZ589891 NTV589891 ODR589891 ONN589891 OXJ589891 PHF589891 PRB589891 QAX589891 QKT589891 QUP589891 REL589891 ROH589891 RYD589891 SHZ589891 SRV589891 TBR589891 TLN589891 TVJ589891 UFF589891 UPB589891 UYX589891 VIT589891 VSP589891 WCL589891 WMH589891 WWD589891 V655427 JR655427 TN655427 ADJ655427 ANF655427 AXB655427 BGX655427 BQT655427 CAP655427 CKL655427 CUH655427 DED655427 DNZ655427 DXV655427 EHR655427 ERN655427 FBJ655427 FLF655427 FVB655427 GEX655427 GOT655427 GYP655427 HIL655427 HSH655427 ICD655427 ILZ655427 IVV655427 JFR655427 JPN655427 JZJ655427 KJF655427 KTB655427 LCX655427 LMT655427 LWP655427 MGL655427 MQH655427 NAD655427 NJZ655427 NTV655427 ODR655427 ONN655427 OXJ655427 PHF655427 PRB655427 QAX655427 QKT655427 QUP655427 REL655427 ROH655427 RYD655427 SHZ655427 SRV655427 TBR655427 TLN655427 TVJ655427 UFF655427 UPB655427 UYX655427 VIT655427 VSP655427 WCL655427 WMH655427 WWD655427 V720963 JR720963 TN720963 ADJ720963 ANF720963 AXB720963 BGX720963 BQT720963 CAP720963 CKL720963 CUH720963 DED720963 DNZ720963 DXV720963 EHR720963 ERN720963 FBJ720963 FLF720963 FVB720963 GEX720963 GOT720963 GYP720963 HIL720963 HSH720963 ICD720963 ILZ720963 IVV720963 JFR720963 JPN720963 JZJ720963 KJF720963 KTB720963 LCX720963 LMT720963 LWP720963 MGL720963 MQH720963 NAD720963 NJZ720963 NTV720963 ODR720963 ONN720963 OXJ720963 PHF720963 PRB720963 QAX720963 QKT720963 QUP720963 REL720963 ROH720963 RYD720963 SHZ720963 SRV720963 TBR720963 TLN720963 TVJ720963 UFF720963 UPB720963 UYX720963 VIT720963 VSP720963 WCL720963 WMH720963 WWD720963 V786499 JR786499 TN786499 ADJ786499 ANF786499 AXB786499 BGX786499 BQT786499 CAP786499 CKL786499 CUH786499 DED786499 DNZ786499 DXV786499 EHR786499 ERN786499 FBJ786499 FLF786499 FVB786499 GEX786499 GOT786499 GYP786499 HIL786499 HSH786499 ICD786499 ILZ786499 IVV786499 JFR786499 JPN786499 JZJ786499 KJF786499 KTB786499 LCX786499 LMT786499 LWP786499 MGL786499 MQH786499 NAD786499 NJZ786499 NTV786499 ODR786499 ONN786499 OXJ786499 PHF786499 PRB786499 QAX786499 QKT786499 QUP786499 REL786499 ROH786499 RYD786499 SHZ786499 SRV786499 TBR786499 TLN786499 TVJ786499 UFF786499 UPB786499 UYX786499 VIT786499 VSP786499 WCL786499 WMH786499 WWD786499 V852035 JR852035 TN852035 ADJ852035 ANF852035 AXB852035 BGX852035 BQT852035 CAP852035 CKL852035 CUH852035 DED852035 DNZ852035 DXV852035 EHR852035 ERN852035 FBJ852035 FLF852035 FVB852035 GEX852035 GOT852035 GYP852035 HIL852035 HSH852035 ICD852035 ILZ852035 IVV852035 JFR852035 JPN852035 JZJ852035 KJF852035 KTB852035 LCX852035 LMT852035 LWP852035 MGL852035 MQH852035 NAD852035 NJZ852035 NTV852035 ODR852035 ONN852035 OXJ852035 PHF852035 PRB852035 QAX852035 QKT852035 QUP852035 REL852035 ROH852035 RYD852035 SHZ852035 SRV852035 TBR852035 TLN852035 TVJ852035 UFF852035 UPB852035 UYX852035 VIT852035 VSP852035 WCL852035 WMH852035 WWD852035 V917571 JR917571 TN917571 ADJ917571 ANF917571 AXB917571 BGX917571 BQT917571 CAP917571 CKL917571 CUH917571 DED917571 DNZ917571 DXV917571 EHR917571 ERN917571 FBJ917571 FLF917571 FVB917571 GEX917571 GOT917571 GYP917571 HIL917571 HSH917571 ICD917571 ILZ917571 IVV917571 JFR917571 JPN917571 JZJ917571 KJF917571 KTB917571 LCX917571 LMT917571 LWP917571 MGL917571 MQH917571 NAD917571 NJZ917571 NTV917571 ODR917571 ONN917571 OXJ917571 PHF917571 PRB917571 QAX917571 QKT917571 QUP917571 REL917571 ROH917571 RYD917571 SHZ917571 SRV917571 TBR917571 TLN917571 TVJ917571 UFF917571 UPB917571 UYX917571 VIT917571 VSP917571 WCL917571 WMH917571 WWD917571 V983107 JR983107 TN983107 ADJ983107 ANF983107 AXB983107 BGX983107 BQT983107 CAP983107 CKL983107 CUH983107 DED983107 DNZ983107 DXV983107 EHR983107 ERN983107 FBJ983107 FLF983107 FVB983107 GEX983107 GOT983107 GYP983107 HIL983107 HSH983107 ICD983107 ILZ983107 IVV983107 JFR983107 JPN983107 JZJ983107 KJF983107 KTB983107 LCX983107 LMT983107 LWP983107 MGL983107 MQH983107 NAD983107 NJZ983107 NTV983107 ODR983107 ONN983107 OXJ983107 PHF983107 PRB983107 QAX983107 QKT983107 QUP983107 REL983107 ROH983107 RYD983107 SHZ983107 SRV983107 TBR983107 TLN983107 TVJ983107 UFF983107 UPB983107 UYX983107 VIT983107 VSP983107 WCL983107 WMH983107 WWD983107 X67 JT67 TP67 ADL67 ANH67 AXD67 BGZ67 BQV67 CAR67 CKN67 CUJ67 DEF67 DOB67 DXX67 EHT67 ERP67 FBL67 FLH67 FVD67 GEZ67 GOV67 GYR67 HIN67 HSJ67 ICF67 IMB67 IVX67 JFT67 JPP67 JZL67 KJH67 KTD67 LCZ67 LMV67 LWR67 MGN67 MQJ67 NAF67 NKB67 NTX67 ODT67 ONP67 OXL67 PHH67 PRD67 QAZ67 QKV67 QUR67 REN67 ROJ67 RYF67 SIB67 SRX67 TBT67 TLP67 TVL67 UFH67 UPD67 UYZ67 VIV67 VSR67 WCN67 WMJ67 WWF67 X65603 JT65603 TP65603 ADL65603 ANH65603 AXD65603 BGZ65603 BQV65603 CAR65603 CKN65603 CUJ65603 DEF65603 DOB65603 DXX65603 EHT65603 ERP65603 FBL65603 FLH65603 FVD65603 GEZ65603 GOV65603 GYR65603 HIN65603 HSJ65603 ICF65603 IMB65603 IVX65603 JFT65603 JPP65603 JZL65603 KJH65603 KTD65603 LCZ65603 LMV65603 LWR65603 MGN65603 MQJ65603 NAF65603 NKB65603 NTX65603 ODT65603 ONP65603 OXL65603 PHH65603 PRD65603 QAZ65603 QKV65603 QUR65603 REN65603 ROJ65603 RYF65603 SIB65603 SRX65603 TBT65603 TLP65603 TVL65603 UFH65603 UPD65603 UYZ65603 VIV65603 VSR65603 WCN65603 WMJ65603 WWF65603 X131139 JT131139 TP131139 ADL131139 ANH131139 AXD131139 BGZ131139 BQV131139 CAR131139 CKN131139 CUJ131139 DEF131139 DOB131139 DXX131139 EHT131139 ERP131139 FBL131139 FLH131139 FVD131139 GEZ131139 GOV131139 GYR131139 HIN131139 HSJ131139 ICF131139 IMB131139 IVX131139 JFT131139 JPP131139 JZL131139 KJH131139 KTD131139 LCZ131139 LMV131139 LWR131139 MGN131139 MQJ131139 NAF131139 NKB131139 NTX131139 ODT131139 ONP131139 OXL131139 PHH131139 PRD131139 QAZ131139 QKV131139 QUR131139 REN131139 ROJ131139 RYF131139 SIB131139 SRX131139 TBT131139 TLP131139 TVL131139 UFH131139 UPD131139 UYZ131139 VIV131139 VSR131139 WCN131139 WMJ131139 WWF131139 X196675 JT196675 TP196675 ADL196675 ANH196675 AXD196675 BGZ196675 BQV196675 CAR196675 CKN196675 CUJ196675 DEF196675 DOB196675 DXX196675 EHT196675 ERP196675 FBL196675 FLH196675 FVD196675 GEZ196675 GOV196675 GYR196675 HIN196675 HSJ196675 ICF196675 IMB196675 IVX196675 JFT196675 JPP196675 JZL196675 KJH196675 KTD196675 LCZ196675 LMV196675 LWR196675 MGN196675 MQJ196675 NAF196675 NKB196675 NTX196675 ODT196675 ONP196675 OXL196675 PHH196675 PRD196675 QAZ196675 QKV196675 QUR196675 REN196675 ROJ196675 RYF196675 SIB196675 SRX196675 TBT196675 TLP196675 TVL196675 UFH196675 UPD196675 UYZ196675 VIV196675 VSR196675 WCN196675 WMJ196675 WWF196675 X262211 JT262211 TP262211 ADL262211 ANH262211 AXD262211 BGZ262211 BQV262211 CAR262211 CKN262211 CUJ262211 DEF262211 DOB262211 DXX262211 EHT262211 ERP262211 FBL262211 FLH262211 FVD262211 GEZ262211 GOV262211 GYR262211 HIN262211 HSJ262211 ICF262211 IMB262211 IVX262211 JFT262211 JPP262211 JZL262211 KJH262211 KTD262211 LCZ262211 LMV262211 LWR262211 MGN262211 MQJ262211 NAF262211 NKB262211 NTX262211 ODT262211 ONP262211 OXL262211 PHH262211 PRD262211 QAZ262211 QKV262211 QUR262211 REN262211 ROJ262211 RYF262211 SIB262211 SRX262211 TBT262211 TLP262211 TVL262211 UFH262211 UPD262211 UYZ262211 VIV262211 VSR262211 WCN262211 WMJ262211 WWF262211 X327747 JT327747 TP327747 ADL327747 ANH327747 AXD327747 BGZ327747 BQV327747 CAR327747 CKN327747 CUJ327747 DEF327747 DOB327747 DXX327747 EHT327747 ERP327747 FBL327747 FLH327747 FVD327747 GEZ327747 GOV327747 GYR327747 HIN327747 HSJ327747 ICF327747 IMB327747 IVX327747 JFT327747 JPP327747 JZL327747 KJH327747 KTD327747 LCZ327747 LMV327747 LWR327747 MGN327747 MQJ327747 NAF327747 NKB327747 NTX327747 ODT327747 ONP327747 OXL327747 PHH327747 PRD327747 QAZ327747 QKV327747 QUR327747 REN327747 ROJ327747 RYF327747 SIB327747 SRX327747 TBT327747 TLP327747 TVL327747 UFH327747 UPD327747 UYZ327747 VIV327747 VSR327747 WCN327747 WMJ327747 WWF327747 X393283 JT393283 TP393283 ADL393283 ANH393283 AXD393283 BGZ393283 BQV393283 CAR393283 CKN393283 CUJ393283 DEF393283 DOB393283 DXX393283 EHT393283 ERP393283 FBL393283 FLH393283 FVD393283 GEZ393283 GOV393283 GYR393283 HIN393283 HSJ393283 ICF393283 IMB393283 IVX393283 JFT393283 JPP393283 JZL393283 KJH393283 KTD393283 LCZ393283 LMV393283 LWR393283 MGN393283 MQJ393283 NAF393283 NKB393283 NTX393283 ODT393283 ONP393283 OXL393283 PHH393283 PRD393283 QAZ393283 QKV393283 QUR393283 REN393283 ROJ393283 RYF393283 SIB393283 SRX393283 TBT393283 TLP393283 TVL393283 UFH393283 UPD393283 UYZ393283 VIV393283 VSR393283 WCN393283 WMJ393283 WWF393283 X458819 JT458819 TP458819 ADL458819 ANH458819 AXD458819 BGZ458819 BQV458819 CAR458819 CKN458819 CUJ458819 DEF458819 DOB458819 DXX458819 EHT458819 ERP458819 FBL458819 FLH458819 FVD458819 GEZ458819 GOV458819 GYR458819 HIN458819 HSJ458819 ICF458819 IMB458819 IVX458819 JFT458819 JPP458819 JZL458819 KJH458819 KTD458819 LCZ458819 LMV458819 LWR458819 MGN458819 MQJ458819 NAF458819 NKB458819 NTX458819 ODT458819 ONP458819 OXL458819 PHH458819 PRD458819 QAZ458819 QKV458819 QUR458819 REN458819 ROJ458819 RYF458819 SIB458819 SRX458819 TBT458819 TLP458819 TVL458819 UFH458819 UPD458819 UYZ458819 VIV458819 VSR458819 WCN458819 WMJ458819 WWF458819 X524355 JT524355 TP524355 ADL524355 ANH524355 AXD524355 BGZ524355 BQV524355 CAR524355 CKN524355 CUJ524355 DEF524355 DOB524355 DXX524355 EHT524355 ERP524355 FBL524355 FLH524355 FVD524355 GEZ524355 GOV524355 GYR524355 HIN524355 HSJ524355 ICF524355 IMB524355 IVX524355 JFT524355 JPP524355 JZL524355 KJH524355 KTD524355 LCZ524355 LMV524355 LWR524355 MGN524355 MQJ524355 NAF524355 NKB524355 NTX524355 ODT524355 ONP524355 OXL524355 PHH524355 PRD524355 QAZ524355 QKV524355 QUR524355 REN524355 ROJ524355 RYF524355 SIB524355 SRX524355 TBT524355 TLP524355 TVL524355 UFH524355 UPD524355 UYZ524355 VIV524355 VSR524355 WCN524355 WMJ524355 WWF524355 X589891 JT589891 TP589891 ADL589891 ANH589891 AXD589891 BGZ589891 BQV589891 CAR589891 CKN589891 CUJ589891 DEF589891 DOB589891 DXX589891 EHT589891 ERP589891 FBL589891 FLH589891 FVD589891 GEZ589891 GOV589891 GYR589891 HIN589891 HSJ589891 ICF589891 IMB589891 IVX589891 JFT589891 JPP589891 JZL589891 KJH589891 KTD589891 LCZ589891 LMV589891 LWR589891 MGN589891 MQJ589891 NAF589891 NKB589891 NTX589891 ODT589891 ONP589891 OXL589891 PHH589891 PRD589891 QAZ589891 QKV589891 QUR589891 REN589891 ROJ589891 RYF589891 SIB589891 SRX589891 TBT589891 TLP589891 TVL589891 UFH589891 UPD589891 UYZ589891 VIV589891 VSR589891 WCN589891 WMJ589891 WWF589891 X655427 JT655427 TP655427 ADL655427 ANH655427 AXD655427 BGZ655427 BQV655427 CAR655427 CKN655427 CUJ655427 DEF655427 DOB655427 DXX655427 EHT655427 ERP655427 FBL655427 FLH655427 FVD655427 GEZ655427 GOV655427 GYR655427 HIN655427 HSJ655427 ICF655427 IMB655427 IVX655427 JFT655427 JPP655427 JZL655427 KJH655427 KTD655427 LCZ655427 LMV655427 LWR655427 MGN655427 MQJ655427 NAF655427 NKB655427 NTX655427 ODT655427 ONP655427 OXL655427 PHH655427 PRD655427 QAZ655427 QKV655427 QUR655427 REN655427 ROJ655427 RYF655427 SIB655427 SRX655427 TBT655427 TLP655427 TVL655427 UFH655427 UPD655427 UYZ655427 VIV655427 VSR655427 WCN655427 WMJ655427 WWF655427 X720963 JT720963 TP720963 ADL720963 ANH720963 AXD720963 BGZ720963 BQV720963 CAR720963 CKN720963 CUJ720963 DEF720963 DOB720963 DXX720963 EHT720963 ERP720963 FBL720963 FLH720963 FVD720963 GEZ720963 GOV720963 GYR720963 HIN720963 HSJ720963 ICF720963 IMB720963 IVX720963 JFT720963 JPP720963 JZL720963 KJH720963 KTD720963 LCZ720963 LMV720963 LWR720963 MGN720963 MQJ720963 NAF720963 NKB720963 NTX720963 ODT720963 ONP720963 OXL720963 PHH720963 PRD720963 QAZ720963 QKV720963 QUR720963 REN720963 ROJ720963 RYF720963 SIB720963 SRX720963 TBT720963 TLP720963 TVL720963 UFH720963 UPD720963 UYZ720963 VIV720963 VSR720963 WCN720963 WMJ720963 WWF720963 X786499 JT786499 TP786499 ADL786499 ANH786499 AXD786499 BGZ786499 BQV786499 CAR786499 CKN786499 CUJ786499 DEF786499 DOB786499 DXX786499 EHT786499 ERP786499 FBL786499 FLH786499 FVD786499 GEZ786499 GOV786499 GYR786499 HIN786499 HSJ786499 ICF786499 IMB786499 IVX786499 JFT786499 JPP786499 JZL786499 KJH786499 KTD786499 LCZ786499 LMV786499 LWR786499 MGN786499 MQJ786499 NAF786499 NKB786499 NTX786499 ODT786499 ONP786499 OXL786499 PHH786499 PRD786499 QAZ786499 QKV786499 QUR786499 REN786499 ROJ786499 RYF786499 SIB786499 SRX786499 TBT786499 TLP786499 TVL786499 UFH786499 UPD786499 UYZ786499 VIV786499 VSR786499 WCN786499 WMJ786499 WWF786499 X852035 JT852035 TP852035 ADL852035 ANH852035 AXD852035 BGZ852035 BQV852035 CAR852035 CKN852035 CUJ852035 DEF852035 DOB852035 DXX852035 EHT852035 ERP852035 FBL852035 FLH852035 FVD852035 GEZ852035 GOV852035 GYR852035 HIN852035 HSJ852035 ICF852035 IMB852035 IVX852035 JFT852035 JPP852035 JZL852035 KJH852035 KTD852035 LCZ852035 LMV852035 LWR852035 MGN852035 MQJ852035 NAF852035 NKB852035 NTX852035 ODT852035 ONP852035 OXL852035 PHH852035 PRD852035 QAZ852035 QKV852035 QUR852035 REN852035 ROJ852035 RYF852035 SIB852035 SRX852035 TBT852035 TLP852035 TVL852035 UFH852035 UPD852035 UYZ852035 VIV852035 VSR852035 WCN852035 WMJ852035 WWF852035 X917571 JT917571 TP917571 ADL917571 ANH917571 AXD917571 BGZ917571 BQV917571 CAR917571 CKN917571 CUJ917571 DEF917571 DOB917571 DXX917571 EHT917571 ERP917571 FBL917571 FLH917571 FVD917571 GEZ917571 GOV917571 GYR917571 HIN917571 HSJ917571 ICF917571 IMB917571 IVX917571 JFT917571 JPP917571 JZL917571 KJH917571 KTD917571 LCZ917571 LMV917571 LWR917571 MGN917571 MQJ917571 NAF917571 NKB917571 NTX917571 ODT917571 ONP917571 OXL917571 PHH917571 PRD917571 QAZ917571 QKV917571 QUR917571 REN917571 ROJ917571 RYF917571 SIB917571 SRX917571 TBT917571 TLP917571 TVL917571 UFH917571 UPD917571 UYZ917571 VIV917571 VSR917571 WCN917571 WMJ917571 WWF917571 X983107 JT983107 TP983107 ADL983107 ANH983107 AXD983107 BGZ983107 BQV983107 CAR983107 CKN983107 CUJ983107 DEF983107 DOB983107 DXX983107 EHT983107 ERP983107 FBL983107 FLH983107 FVD983107 GEZ983107 GOV983107 GYR983107 HIN983107 HSJ983107 ICF983107 IMB983107 IVX983107 JFT983107 JPP983107 JZL983107 KJH983107 KTD983107 LCZ983107 LMV983107 LWR983107 MGN983107 MQJ983107 NAF983107 NKB983107 NTX983107 ODT983107 ONP983107 OXL983107 PHH983107 PRD983107 QAZ983107 QKV983107 QUR983107 REN983107 ROJ983107 RYF983107 SIB983107 SRX983107 TBT983107 TLP983107 TVL983107 UFH983107 UPD983107 UYZ983107 VIV983107 VSR983107 WCN983107 WMJ983107 WWF983107 V69 JR69 TN69 ADJ69 ANF69 AXB69 BGX69 BQT69 CAP69 CKL69 CUH69 DED69 DNZ69 DXV69 EHR69 ERN69 FBJ69 FLF69 FVB69 GEX69 GOT69 GYP69 HIL69 HSH69 ICD69 ILZ69 IVV69 JFR69 JPN69 JZJ69 KJF69 KTB69 LCX69 LMT69 LWP69 MGL69 MQH69 NAD69 NJZ69 NTV69 ODR69 ONN69 OXJ69 PHF69 PRB69 QAX69 QKT69 QUP69 REL69 ROH69 RYD69 SHZ69 SRV69 TBR69 TLN69 TVJ69 UFF69 UPB69 UYX69 VIT69 VSP69 WCL69 WMH69 WWD69 V65605 JR65605 TN65605 ADJ65605 ANF65605 AXB65605 BGX65605 BQT65605 CAP65605 CKL65605 CUH65605 DED65605 DNZ65605 DXV65605 EHR65605 ERN65605 FBJ65605 FLF65605 FVB65605 GEX65605 GOT65605 GYP65605 HIL65605 HSH65605 ICD65605 ILZ65605 IVV65605 JFR65605 JPN65605 JZJ65605 KJF65605 KTB65605 LCX65605 LMT65605 LWP65605 MGL65605 MQH65605 NAD65605 NJZ65605 NTV65605 ODR65605 ONN65605 OXJ65605 PHF65605 PRB65605 QAX65605 QKT65605 QUP65605 REL65605 ROH65605 RYD65605 SHZ65605 SRV65605 TBR65605 TLN65605 TVJ65605 UFF65605 UPB65605 UYX65605 VIT65605 VSP65605 WCL65605 WMH65605 WWD65605 V131141 JR131141 TN131141 ADJ131141 ANF131141 AXB131141 BGX131141 BQT131141 CAP131141 CKL131141 CUH131141 DED131141 DNZ131141 DXV131141 EHR131141 ERN131141 FBJ131141 FLF131141 FVB131141 GEX131141 GOT131141 GYP131141 HIL131141 HSH131141 ICD131141 ILZ131141 IVV131141 JFR131141 JPN131141 JZJ131141 KJF131141 KTB131141 LCX131141 LMT131141 LWP131141 MGL131141 MQH131141 NAD131141 NJZ131141 NTV131141 ODR131141 ONN131141 OXJ131141 PHF131141 PRB131141 QAX131141 QKT131141 QUP131141 REL131141 ROH131141 RYD131141 SHZ131141 SRV131141 TBR131141 TLN131141 TVJ131141 UFF131141 UPB131141 UYX131141 VIT131141 VSP131141 WCL131141 WMH131141 WWD131141 V196677 JR196677 TN196677 ADJ196677 ANF196677 AXB196677 BGX196677 BQT196677 CAP196677 CKL196677 CUH196677 DED196677 DNZ196677 DXV196677 EHR196677 ERN196677 FBJ196677 FLF196677 FVB196677 GEX196677 GOT196677 GYP196677 HIL196677 HSH196677 ICD196677 ILZ196677 IVV196677 JFR196677 JPN196677 JZJ196677 KJF196677 KTB196677 LCX196677 LMT196677 LWP196677 MGL196677 MQH196677 NAD196677 NJZ196677 NTV196677 ODR196677 ONN196677 OXJ196677 PHF196677 PRB196677 QAX196677 QKT196677 QUP196677 REL196677 ROH196677 RYD196677 SHZ196677 SRV196677 TBR196677 TLN196677 TVJ196677 UFF196677 UPB196677 UYX196677 VIT196677 VSP196677 WCL196677 WMH196677 WWD196677 V262213 JR262213 TN262213 ADJ262213 ANF262213 AXB262213 BGX262213 BQT262213 CAP262213 CKL262213 CUH262213 DED262213 DNZ262213 DXV262213 EHR262213 ERN262213 FBJ262213 FLF262213 FVB262213 GEX262213 GOT262213 GYP262213 HIL262213 HSH262213 ICD262213 ILZ262213 IVV262213 JFR262213 JPN262213 JZJ262213 KJF262213 KTB262213 LCX262213 LMT262213 LWP262213 MGL262213 MQH262213 NAD262213 NJZ262213 NTV262213 ODR262213 ONN262213 OXJ262213 PHF262213 PRB262213 QAX262213 QKT262213 QUP262213 REL262213 ROH262213 RYD262213 SHZ262213 SRV262213 TBR262213 TLN262213 TVJ262213 UFF262213 UPB262213 UYX262213 VIT262213 VSP262213 WCL262213 WMH262213 WWD262213 V327749 JR327749 TN327749 ADJ327749 ANF327749 AXB327749 BGX327749 BQT327749 CAP327749 CKL327749 CUH327749 DED327749 DNZ327749 DXV327749 EHR327749 ERN327749 FBJ327749 FLF327749 FVB327749 GEX327749 GOT327749 GYP327749 HIL327749 HSH327749 ICD327749 ILZ327749 IVV327749 JFR327749 JPN327749 JZJ327749 KJF327749 KTB327749 LCX327749 LMT327749 LWP327749 MGL327749 MQH327749 NAD327749 NJZ327749 NTV327749 ODR327749 ONN327749 OXJ327749 PHF327749 PRB327749 QAX327749 QKT327749 QUP327749 REL327749 ROH327749 RYD327749 SHZ327749 SRV327749 TBR327749 TLN327749 TVJ327749 UFF327749 UPB327749 UYX327749 VIT327749 VSP327749 WCL327749 WMH327749 WWD327749 V393285 JR393285 TN393285 ADJ393285 ANF393285 AXB393285 BGX393285 BQT393285 CAP393285 CKL393285 CUH393285 DED393285 DNZ393285 DXV393285 EHR393285 ERN393285 FBJ393285 FLF393285 FVB393285 GEX393285 GOT393285 GYP393285 HIL393285 HSH393285 ICD393285 ILZ393285 IVV393285 JFR393285 JPN393285 JZJ393285 KJF393285 KTB393285 LCX393285 LMT393285 LWP393285 MGL393285 MQH393285 NAD393285 NJZ393285 NTV393285 ODR393285 ONN393285 OXJ393285 PHF393285 PRB393285 QAX393285 QKT393285 QUP393285 REL393285 ROH393285 RYD393285 SHZ393285 SRV393285 TBR393285 TLN393285 TVJ393285 UFF393285 UPB393285 UYX393285 VIT393285 VSP393285 WCL393285 WMH393285 WWD393285 V458821 JR458821 TN458821 ADJ458821 ANF458821 AXB458821 BGX458821 BQT458821 CAP458821 CKL458821 CUH458821 DED458821 DNZ458821 DXV458821 EHR458821 ERN458821 FBJ458821 FLF458821 FVB458821 GEX458821 GOT458821 GYP458821 HIL458821 HSH458821 ICD458821 ILZ458821 IVV458821 JFR458821 JPN458821 JZJ458821 KJF458821 KTB458821 LCX458821 LMT458821 LWP458821 MGL458821 MQH458821 NAD458821 NJZ458821 NTV458821 ODR458821 ONN458821 OXJ458821 PHF458821 PRB458821 QAX458821 QKT458821 QUP458821 REL458821 ROH458821 RYD458821 SHZ458821 SRV458821 TBR458821 TLN458821 TVJ458821 UFF458821 UPB458821 UYX458821 VIT458821 VSP458821 WCL458821 WMH458821 WWD458821 V524357 JR524357 TN524357 ADJ524357 ANF524357 AXB524357 BGX524357 BQT524357 CAP524357 CKL524357 CUH524357 DED524357 DNZ524357 DXV524357 EHR524357 ERN524357 FBJ524357 FLF524357 FVB524357 GEX524357 GOT524357 GYP524357 HIL524357 HSH524357 ICD524357 ILZ524357 IVV524357 JFR524357 JPN524357 JZJ524357 KJF524357 KTB524357 LCX524357 LMT524357 LWP524357 MGL524357 MQH524357 NAD524357 NJZ524357 NTV524357 ODR524357 ONN524357 OXJ524357 PHF524357 PRB524357 QAX524357 QKT524357 QUP524357 REL524357 ROH524357 RYD524357 SHZ524357 SRV524357 TBR524357 TLN524357 TVJ524357 UFF524357 UPB524357 UYX524357 VIT524357 VSP524357 WCL524357 WMH524357 WWD524357 V589893 JR589893 TN589893 ADJ589893 ANF589893 AXB589893 BGX589893 BQT589893 CAP589893 CKL589893 CUH589893 DED589893 DNZ589893 DXV589893 EHR589893 ERN589893 FBJ589893 FLF589893 FVB589893 GEX589893 GOT589893 GYP589893 HIL589893 HSH589893 ICD589893 ILZ589893 IVV589893 JFR589893 JPN589893 JZJ589893 KJF589893 KTB589893 LCX589893 LMT589893 LWP589893 MGL589893 MQH589893 NAD589893 NJZ589893 NTV589893 ODR589893 ONN589893 OXJ589893 PHF589893 PRB589893 QAX589893 QKT589893 QUP589893 REL589893 ROH589893 RYD589893 SHZ589893 SRV589893 TBR589893 TLN589893 TVJ589893 UFF589893 UPB589893 UYX589893 VIT589893 VSP589893 WCL589893 WMH589893 WWD589893 V655429 JR655429 TN655429 ADJ655429 ANF655429 AXB655429 BGX655429 BQT655429 CAP655429 CKL655429 CUH655429 DED655429 DNZ655429 DXV655429 EHR655429 ERN655429 FBJ655429 FLF655429 FVB655429 GEX655429 GOT655429 GYP655429 HIL655429 HSH655429 ICD655429 ILZ655429 IVV655429 JFR655429 JPN655429 JZJ655429 KJF655429 KTB655429 LCX655429 LMT655429 LWP655429 MGL655429 MQH655429 NAD655429 NJZ655429 NTV655429 ODR655429 ONN655429 OXJ655429 PHF655429 PRB655429 QAX655429 QKT655429 QUP655429 REL655429 ROH655429 RYD655429 SHZ655429 SRV655429 TBR655429 TLN655429 TVJ655429 UFF655429 UPB655429 UYX655429 VIT655429 VSP655429 WCL655429 WMH655429 WWD655429 V720965 JR720965 TN720965 ADJ720965 ANF720965 AXB720965 BGX720965 BQT720965 CAP720965 CKL720965 CUH720965 DED720965 DNZ720965 DXV720965 EHR720965 ERN720965 FBJ720965 FLF720965 FVB720965 GEX720965 GOT720965 GYP720965 HIL720965 HSH720965 ICD720965 ILZ720965 IVV720965 JFR720965 JPN720965 JZJ720965 KJF720965 KTB720965 LCX720965 LMT720965 LWP720965 MGL720965 MQH720965 NAD720965 NJZ720965 NTV720965 ODR720965 ONN720965 OXJ720965 PHF720965 PRB720965 QAX720965 QKT720965 QUP720965 REL720965 ROH720965 RYD720965 SHZ720965 SRV720965 TBR720965 TLN720965 TVJ720965 UFF720965 UPB720965 UYX720965 VIT720965 VSP720965 WCL720965 WMH720965 WWD720965 V786501 JR786501 TN786501 ADJ786501 ANF786501 AXB786501 BGX786501 BQT786501 CAP786501 CKL786501 CUH786501 DED786501 DNZ786501 DXV786501 EHR786501 ERN786501 FBJ786501 FLF786501 FVB786501 GEX786501 GOT786501 GYP786501 HIL786501 HSH786501 ICD786501 ILZ786501 IVV786501 JFR786501 JPN786501 JZJ786501 KJF786501 KTB786501 LCX786501 LMT786501 LWP786501 MGL786501 MQH786501 NAD786501 NJZ786501 NTV786501 ODR786501 ONN786501 OXJ786501 PHF786501 PRB786501 QAX786501 QKT786501 QUP786501 REL786501 ROH786501 RYD786501 SHZ786501 SRV786501 TBR786501 TLN786501 TVJ786501 UFF786501 UPB786501 UYX786501 VIT786501 VSP786501 WCL786501 WMH786501 WWD786501 V852037 JR852037 TN852037 ADJ852037 ANF852037 AXB852037 BGX852037 BQT852037 CAP852037 CKL852037 CUH852037 DED852037 DNZ852037 DXV852037 EHR852037 ERN852037 FBJ852037 FLF852037 FVB852037 GEX852037 GOT852037 GYP852037 HIL852037 HSH852037 ICD852037 ILZ852037 IVV852037 JFR852037 JPN852037 JZJ852037 KJF852037 KTB852037 LCX852037 LMT852037 LWP852037 MGL852037 MQH852037 NAD852037 NJZ852037 NTV852037 ODR852037 ONN852037 OXJ852037 PHF852037 PRB852037 QAX852037 QKT852037 QUP852037 REL852037 ROH852037 RYD852037 SHZ852037 SRV852037 TBR852037 TLN852037 TVJ852037 UFF852037 UPB852037 UYX852037 VIT852037 VSP852037 WCL852037 WMH852037 WWD852037 V917573 JR917573 TN917573 ADJ917573 ANF917573 AXB917573 BGX917573 BQT917573 CAP917573 CKL917573 CUH917573 DED917573 DNZ917573 DXV917573 EHR917573 ERN917573 FBJ917573 FLF917573 FVB917573 GEX917573 GOT917573 GYP917573 HIL917573 HSH917573 ICD917573 ILZ917573 IVV917573 JFR917573 JPN917573 JZJ917573 KJF917573 KTB917573 LCX917573 LMT917573 LWP917573 MGL917573 MQH917573 NAD917573 NJZ917573 NTV917573 ODR917573 ONN917573 OXJ917573 PHF917573 PRB917573 QAX917573 QKT917573 QUP917573 REL917573 ROH917573 RYD917573 SHZ917573 SRV917573 TBR917573 TLN917573 TVJ917573 UFF917573 UPB917573 UYX917573 VIT917573 VSP917573 WCL917573 WMH917573 WWD917573 V983109 JR983109 TN983109 ADJ983109 ANF983109 AXB983109 BGX983109 BQT983109 CAP983109 CKL983109 CUH983109 DED983109 DNZ983109 DXV983109 EHR983109 ERN983109 FBJ983109 FLF983109 FVB983109 GEX983109 GOT983109 GYP983109 HIL983109 HSH983109 ICD983109 ILZ983109 IVV983109 JFR983109 JPN983109 JZJ983109 KJF983109 KTB983109 LCX983109 LMT983109 LWP983109 MGL983109 MQH983109 NAD983109 NJZ983109 NTV983109 ODR983109 ONN983109 OXJ983109 PHF983109 PRB983109 QAX983109 QKT983109 QUP983109 REL983109 ROH983109 RYD983109 SHZ983109 SRV983109 TBR983109 TLN983109 TVJ983109 UFF983109 UPB983109 UYX983109 VIT983109 VSP983109 WCL983109 WMH983109 WWD983109 X69 JT69 TP69 ADL69 ANH69 AXD69 BGZ69 BQV69 CAR69 CKN69 CUJ69 DEF69 DOB69 DXX69 EHT69 ERP69 FBL69 FLH69 FVD69 GEZ69 GOV69 GYR69 HIN69 HSJ69 ICF69 IMB69 IVX69 JFT69 JPP69 JZL69 KJH69 KTD69 LCZ69 LMV69 LWR69 MGN69 MQJ69 NAF69 NKB69 NTX69 ODT69 ONP69 OXL69 PHH69 PRD69 QAZ69 QKV69 QUR69 REN69 ROJ69 RYF69 SIB69 SRX69 TBT69 TLP69 TVL69 UFH69 UPD69 UYZ69 VIV69 VSR69 WCN69 WMJ69 WWF69 X65605 JT65605 TP65605 ADL65605 ANH65605 AXD65605 BGZ65605 BQV65605 CAR65605 CKN65605 CUJ65605 DEF65605 DOB65605 DXX65605 EHT65605 ERP65605 FBL65605 FLH65605 FVD65605 GEZ65605 GOV65605 GYR65605 HIN65605 HSJ65605 ICF65605 IMB65605 IVX65605 JFT65605 JPP65605 JZL65605 KJH65605 KTD65605 LCZ65605 LMV65605 LWR65605 MGN65605 MQJ65605 NAF65605 NKB65605 NTX65605 ODT65605 ONP65605 OXL65605 PHH65605 PRD65605 QAZ65605 QKV65605 QUR65605 REN65605 ROJ65605 RYF65605 SIB65605 SRX65605 TBT65605 TLP65605 TVL65605 UFH65605 UPD65605 UYZ65605 VIV65605 VSR65605 WCN65605 WMJ65605 WWF65605 X131141 JT131141 TP131141 ADL131141 ANH131141 AXD131141 BGZ131141 BQV131141 CAR131141 CKN131141 CUJ131141 DEF131141 DOB131141 DXX131141 EHT131141 ERP131141 FBL131141 FLH131141 FVD131141 GEZ131141 GOV131141 GYR131141 HIN131141 HSJ131141 ICF131141 IMB131141 IVX131141 JFT131141 JPP131141 JZL131141 KJH131141 KTD131141 LCZ131141 LMV131141 LWR131141 MGN131141 MQJ131141 NAF131141 NKB131141 NTX131141 ODT131141 ONP131141 OXL131141 PHH131141 PRD131141 QAZ131141 QKV131141 QUR131141 REN131141 ROJ131141 RYF131141 SIB131141 SRX131141 TBT131141 TLP131141 TVL131141 UFH131141 UPD131141 UYZ131141 VIV131141 VSR131141 WCN131141 WMJ131141 WWF131141 X196677 JT196677 TP196677 ADL196677 ANH196677 AXD196677 BGZ196677 BQV196677 CAR196677 CKN196677 CUJ196677 DEF196677 DOB196677 DXX196677 EHT196677 ERP196677 FBL196677 FLH196677 FVD196677 GEZ196677 GOV196677 GYR196677 HIN196677 HSJ196677 ICF196677 IMB196677 IVX196677 JFT196677 JPP196677 JZL196677 KJH196677 KTD196677 LCZ196677 LMV196677 LWR196677 MGN196677 MQJ196677 NAF196677 NKB196677 NTX196677 ODT196677 ONP196677 OXL196677 PHH196677 PRD196677 QAZ196677 QKV196677 QUR196677 REN196677 ROJ196677 RYF196677 SIB196677 SRX196677 TBT196677 TLP196677 TVL196677 UFH196677 UPD196677 UYZ196677 VIV196677 VSR196677 WCN196677 WMJ196677 WWF196677 X262213 JT262213 TP262213 ADL262213 ANH262213 AXD262213 BGZ262213 BQV262213 CAR262213 CKN262213 CUJ262213 DEF262213 DOB262213 DXX262213 EHT262213 ERP262213 FBL262213 FLH262213 FVD262213 GEZ262213 GOV262213 GYR262213 HIN262213 HSJ262213 ICF262213 IMB262213 IVX262213 JFT262213 JPP262213 JZL262213 KJH262213 KTD262213 LCZ262213 LMV262213 LWR262213 MGN262213 MQJ262213 NAF262213 NKB262213 NTX262213 ODT262213 ONP262213 OXL262213 PHH262213 PRD262213 QAZ262213 QKV262213 QUR262213 REN262213 ROJ262213 RYF262213 SIB262213 SRX262213 TBT262213 TLP262213 TVL262213 UFH262213 UPD262213 UYZ262213 VIV262213 VSR262213 WCN262213 WMJ262213 WWF262213 X327749 JT327749 TP327749 ADL327749 ANH327749 AXD327749 BGZ327749 BQV327749 CAR327749 CKN327749 CUJ327749 DEF327749 DOB327749 DXX327749 EHT327749 ERP327749 FBL327749 FLH327749 FVD327749 GEZ327749 GOV327749 GYR327749 HIN327749 HSJ327749 ICF327749 IMB327749 IVX327749 JFT327749 JPP327749 JZL327749 KJH327749 KTD327749 LCZ327749 LMV327749 LWR327749 MGN327749 MQJ327749 NAF327749 NKB327749 NTX327749 ODT327749 ONP327749 OXL327749 PHH327749 PRD327749 QAZ327749 QKV327749 QUR327749 REN327749 ROJ327749 RYF327749 SIB327749 SRX327749 TBT327749 TLP327749 TVL327749 UFH327749 UPD327749 UYZ327749 VIV327749 VSR327749 WCN327749 WMJ327749 WWF327749 X393285 JT393285 TP393285 ADL393285 ANH393285 AXD393285 BGZ393285 BQV393285 CAR393285 CKN393285 CUJ393285 DEF393285 DOB393285 DXX393285 EHT393285 ERP393285 FBL393285 FLH393285 FVD393285 GEZ393285 GOV393285 GYR393285 HIN393285 HSJ393285 ICF393285 IMB393285 IVX393285 JFT393285 JPP393285 JZL393285 KJH393285 KTD393285 LCZ393285 LMV393285 LWR393285 MGN393285 MQJ393285 NAF393285 NKB393285 NTX393285 ODT393285 ONP393285 OXL393285 PHH393285 PRD393285 QAZ393285 QKV393285 QUR393285 REN393285 ROJ393285 RYF393285 SIB393285 SRX393285 TBT393285 TLP393285 TVL393285 UFH393285 UPD393285 UYZ393285 VIV393285 VSR393285 WCN393285 WMJ393285 WWF393285 X458821 JT458821 TP458821 ADL458821 ANH458821 AXD458821 BGZ458821 BQV458821 CAR458821 CKN458821 CUJ458821 DEF458821 DOB458821 DXX458821 EHT458821 ERP458821 FBL458821 FLH458821 FVD458821 GEZ458821 GOV458821 GYR458821 HIN458821 HSJ458821 ICF458821 IMB458821 IVX458821 JFT458821 JPP458821 JZL458821 KJH458821 KTD458821 LCZ458821 LMV458821 LWR458821 MGN458821 MQJ458821 NAF458821 NKB458821 NTX458821 ODT458821 ONP458821 OXL458821 PHH458821 PRD458821 QAZ458821 QKV458821 QUR458821 REN458821 ROJ458821 RYF458821 SIB458821 SRX458821 TBT458821 TLP458821 TVL458821 UFH458821 UPD458821 UYZ458821 VIV458821 VSR458821 WCN458821 WMJ458821 WWF458821 X524357 JT524357 TP524357 ADL524357 ANH524357 AXD524357 BGZ524357 BQV524357 CAR524357 CKN524357 CUJ524357 DEF524357 DOB524357 DXX524357 EHT524357 ERP524357 FBL524357 FLH524357 FVD524357 GEZ524357 GOV524357 GYR524357 HIN524357 HSJ524357 ICF524357 IMB524357 IVX524357 JFT524357 JPP524357 JZL524357 KJH524357 KTD524357 LCZ524357 LMV524357 LWR524357 MGN524357 MQJ524357 NAF524357 NKB524357 NTX524357 ODT524357 ONP524357 OXL524357 PHH524357 PRD524357 QAZ524357 QKV524357 QUR524357 REN524357 ROJ524357 RYF524357 SIB524357 SRX524357 TBT524357 TLP524357 TVL524357 UFH524357 UPD524357 UYZ524357 VIV524357 VSR524357 WCN524357 WMJ524357 WWF524357 X589893 JT589893 TP589893 ADL589893 ANH589893 AXD589893 BGZ589893 BQV589893 CAR589893 CKN589893 CUJ589893 DEF589893 DOB589893 DXX589893 EHT589893 ERP589893 FBL589893 FLH589893 FVD589893 GEZ589893 GOV589893 GYR589893 HIN589893 HSJ589893 ICF589893 IMB589893 IVX589893 JFT589893 JPP589893 JZL589893 KJH589893 KTD589893 LCZ589893 LMV589893 LWR589893 MGN589893 MQJ589893 NAF589893 NKB589893 NTX589893 ODT589893 ONP589893 OXL589893 PHH589893 PRD589893 QAZ589893 QKV589893 QUR589893 REN589893 ROJ589893 RYF589893 SIB589893 SRX589893 TBT589893 TLP589893 TVL589893 UFH589893 UPD589893 UYZ589893 VIV589893 VSR589893 WCN589893 WMJ589893 WWF589893 X655429 JT655429 TP655429 ADL655429 ANH655429 AXD655429 BGZ655429 BQV655429 CAR655429 CKN655429 CUJ655429 DEF655429 DOB655429 DXX655429 EHT655429 ERP655429 FBL655429 FLH655429 FVD655429 GEZ655429 GOV655429 GYR655429 HIN655429 HSJ655429 ICF655429 IMB655429 IVX655429 JFT655429 JPP655429 JZL655429 KJH655429 KTD655429 LCZ655429 LMV655429 LWR655429 MGN655429 MQJ655429 NAF655429 NKB655429 NTX655429 ODT655429 ONP655429 OXL655429 PHH655429 PRD655429 QAZ655429 QKV655429 QUR655429 REN655429 ROJ655429 RYF655429 SIB655429 SRX655429 TBT655429 TLP655429 TVL655429 UFH655429 UPD655429 UYZ655429 VIV655429 VSR655429 WCN655429 WMJ655429 WWF655429 X720965 JT720965 TP720965 ADL720965 ANH720965 AXD720965 BGZ720965 BQV720965 CAR720965 CKN720965 CUJ720965 DEF720965 DOB720965 DXX720965 EHT720965 ERP720965 FBL720965 FLH720965 FVD720965 GEZ720965 GOV720965 GYR720965 HIN720965 HSJ720965 ICF720965 IMB720965 IVX720965 JFT720965 JPP720965 JZL720965 KJH720965 KTD720965 LCZ720965 LMV720965 LWR720965 MGN720965 MQJ720965 NAF720965 NKB720965 NTX720965 ODT720965 ONP720965 OXL720965 PHH720965 PRD720965 QAZ720965 QKV720965 QUR720965 REN720965 ROJ720965 RYF720965 SIB720965 SRX720965 TBT720965 TLP720965 TVL720965 UFH720965 UPD720965 UYZ720965 VIV720965 VSR720965 WCN720965 WMJ720965 WWF720965 X786501 JT786501 TP786501 ADL786501 ANH786501 AXD786501 BGZ786501 BQV786501 CAR786501 CKN786501 CUJ786501 DEF786501 DOB786501 DXX786501 EHT786501 ERP786501 FBL786501 FLH786501 FVD786501 GEZ786501 GOV786501 GYR786501 HIN786501 HSJ786501 ICF786501 IMB786501 IVX786501 JFT786501 JPP786501 JZL786501 KJH786501 KTD786501 LCZ786501 LMV786501 LWR786501 MGN786501 MQJ786501 NAF786501 NKB786501 NTX786501 ODT786501 ONP786501 OXL786501 PHH786501 PRD786501 QAZ786501 QKV786501 QUR786501 REN786501 ROJ786501 RYF786501 SIB786501 SRX786501 TBT786501 TLP786501 TVL786501 UFH786501 UPD786501 UYZ786501 VIV786501 VSR786501 WCN786501 WMJ786501 WWF786501 X852037 JT852037 TP852037 ADL852037 ANH852037 AXD852037 BGZ852037 BQV852037 CAR852037 CKN852037 CUJ852037 DEF852037 DOB852037 DXX852037 EHT852037 ERP852037 FBL852037 FLH852037 FVD852037 GEZ852037 GOV852037 GYR852037 HIN852037 HSJ852037 ICF852037 IMB852037 IVX852037 JFT852037 JPP852037 JZL852037 KJH852037 KTD852037 LCZ852037 LMV852037 LWR852037 MGN852037 MQJ852037 NAF852037 NKB852037 NTX852037 ODT852037 ONP852037 OXL852037 PHH852037 PRD852037 QAZ852037 QKV852037 QUR852037 REN852037 ROJ852037 RYF852037 SIB852037 SRX852037 TBT852037 TLP852037 TVL852037 UFH852037 UPD852037 UYZ852037 VIV852037 VSR852037 WCN852037 WMJ852037 WWF852037 X917573 JT917573 TP917573 ADL917573 ANH917573 AXD917573 BGZ917573 BQV917573 CAR917573 CKN917573 CUJ917573 DEF917573 DOB917573 DXX917573 EHT917573 ERP917573 FBL917573 FLH917573 FVD917573 GEZ917573 GOV917573 GYR917573 HIN917573 HSJ917573 ICF917573 IMB917573 IVX917573 JFT917573 JPP917573 JZL917573 KJH917573 KTD917573 LCZ917573 LMV917573 LWR917573 MGN917573 MQJ917573 NAF917573 NKB917573 NTX917573 ODT917573 ONP917573 OXL917573 PHH917573 PRD917573 QAZ917573 QKV917573 QUR917573 REN917573 ROJ917573 RYF917573 SIB917573 SRX917573 TBT917573 TLP917573 TVL917573 UFH917573 UPD917573 UYZ917573 VIV917573 VSR917573 WCN917573 WMJ917573 WWF917573 X983109 JT983109 TP983109 ADL983109 ANH983109 AXD983109 BGZ983109 BQV983109 CAR983109 CKN983109 CUJ983109 DEF983109 DOB983109 DXX983109 EHT983109 ERP983109 FBL983109 FLH983109 FVD983109 GEZ983109 GOV983109 GYR983109 HIN983109 HSJ983109 ICF983109 IMB983109 IVX983109 JFT983109 JPP983109 JZL983109 KJH983109 KTD983109 LCZ983109 LMV983109 LWR983109 MGN983109 MQJ983109 NAF983109 NKB983109 NTX983109 ODT983109 ONP983109 OXL983109 PHH983109 PRD983109 QAZ983109 QKV983109 QUR983109 REN983109 ROJ983109 RYF983109 SIB983109 SRX983109 TBT983109 TLP983109 TVL983109 UFH983109 UPD983109 UYZ983109 VIV983109 VSR983109 WCN983109 WMJ983109 WWF983109 V71 JR71 TN71 ADJ71 ANF71 AXB71 BGX71 BQT71 CAP71 CKL71 CUH71 DED71 DNZ71 DXV71 EHR71 ERN71 FBJ71 FLF71 FVB71 GEX71 GOT71 GYP71 HIL71 HSH71 ICD71 ILZ71 IVV71 JFR71 JPN71 JZJ71 KJF71 KTB71 LCX71 LMT71 LWP71 MGL71 MQH71 NAD71 NJZ71 NTV71 ODR71 ONN71 OXJ71 PHF71 PRB71 QAX71 QKT71 QUP71 REL71 ROH71 RYD71 SHZ71 SRV71 TBR71 TLN71 TVJ71 UFF71 UPB71 UYX71 VIT71 VSP71 WCL71 WMH71 WWD71 V65607 JR65607 TN65607 ADJ65607 ANF65607 AXB65607 BGX65607 BQT65607 CAP65607 CKL65607 CUH65607 DED65607 DNZ65607 DXV65607 EHR65607 ERN65607 FBJ65607 FLF65607 FVB65607 GEX65607 GOT65607 GYP65607 HIL65607 HSH65607 ICD65607 ILZ65607 IVV65607 JFR65607 JPN65607 JZJ65607 KJF65607 KTB65607 LCX65607 LMT65607 LWP65607 MGL65607 MQH65607 NAD65607 NJZ65607 NTV65607 ODR65607 ONN65607 OXJ65607 PHF65607 PRB65607 QAX65607 QKT65607 QUP65607 REL65607 ROH65607 RYD65607 SHZ65607 SRV65607 TBR65607 TLN65607 TVJ65607 UFF65607 UPB65607 UYX65607 VIT65607 VSP65607 WCL65607 WMH65607 WWD65607 V131143 JR131143 TN131143 ADJ131143 ANF131143 AXB131143 BGX131143 BQT131143 CAP131143 CKL131143 CUH131143 DED131143 DNZ131143 DXV131143 EHR131143 ERN131143 FBJ131143 FLF131143 FVB131143 GEX131143 GOT131143 GYP131143 HIL131143 HSH131143 ICD131143 ILZ131143 IVV131143 JFR131143 JPN131143 JZJ131143 KJF131143 KTB131143 LCX131143 LMT131143 LWP131143 MGL131143 MQH131143 NAD131143 NJZ131143 NTV131143 ODR131143 ONN131143 OXJ131143 PHF131143 PRB131143 QAX131143 QKT131143 QUP131143 REL131143 ROH131143 RYD131143 SHZ131143 SRV131143 TBR131143 TLN131143 TVJ131143 UFF131143 UPB131143 UYX131143 VIT131143 VSP131143 WCL131143 WMH131143 WWD131143 V196679 JR196679 TN196679 ADJ196679 ANF196679 AXB196679 BGX196679 BQT196679 CAP196679 CKL196679 CUH196679 DED196679 DNZ196679 DXV196679 EHR196679 ERN196679 FBJ196679 FLF196679 FVB196679 GEX196679 GOT196679 GYP196679 HIL196679 HSH196679 ICD196679 ILZ196679 IVV196679 JFR196679 JPN196679 JZJ196679 KJF196679 KTB196679 LCX196679 LMT196679 LWP196679 MGL196679 MQH196679 NAD196679 NJZ196679 NTV196679 ODR196679 ONN196679 OXJ196679 PHF196679 PRB196679 QAX196679 QKT196679 QUP196679 REL196679 ROH196679 RYD196679 SHZ196679 SRV196679 TBR196679 TLN196679 TVJ196679 UFF196679 UPB196679 UYX196679 VIT196679 VSP196679 WCL196679 WMH196679 WWD196679 V262215 JR262215 TN262215 ADJ262215 ANF262215 AXB262215 BGX262215 BQT262215 CAP262215 CKL262215 CUH262215 DED262215 DNZ262215 DXV262215 EHR262215 ERN262215 FBJ262215 FLF262215 FVB262215 GEX262215 GOT262215 GYP262215 HIL262215 HSH262215 ICD262215 ILZ262215 IVV262215 JFR262215 JPN262215 JZJ262215 KJF262215 KTB262215 LCX262215 LMT262215 LWP262215 MGL262215 MQH262215 NAD262215 NJZ262215 NTV262215 ODR262215 ONN262215 OXJ262215 PHF262215 PRB262215 QAX262215 QKT262215 QUP262215 REL262215 ROH262215 RYD262215 SHZ262215 SRV262215 TBR262215 TLN262215 TVJ262215 UFF262215 UPB262215 UYX262215 VIT262215 VSP262215 WCL262215 WMH262215 WWD262215 V327751 JR327751 TN327751 ADJ327751 ANF327751 AXB327751 BGX327751 BQT327751 CAP327751 CKL327751 CUH327751 DED327751 DNZ327751 DXV327751 EHR327751 ERN327751 FBJ327751 FLF327751 FVB327751 GEX327751 GOT327751 GYP327751 HIL327751 HSH327751 ICD327751 ILZ327751 IVV327751 JFR327751 JPN327751 JZJ327751 KJF327751 KTB327751 LCX327751 LMT327751 LWP327751 MGL327751 MQH327751 NAD327751 NJZ327751 NTV327751 ODR327751 ONN327751 OXJ327751 PHF327751 PRB327751 QAX327751 QKT327751 QUP327751 REL327751 ROH327751 RYD327751 SHZ327751 SRV327751 TBR327751 TLN327751 TVJ327751 UFF327751 UPB327751 UYX327751 VIT327751 VSP327751 WCL327751 WMH327751 WWD327751 V393287 JR393287 TN393287 ADJ393287 ANF393287 AXB393287 BGX393287 BQT393287 CAP393287 CKL393287 CUH393287 DED393287 DNZ393287 DXV393287 EHR393287 ERN393287 FBJ393287 FLF393287 FVB393287 GEX393287 GOT393287 GYP393287 HIL393287 HSH393287 ICD393287 ILZ393287 IVV393287 JFR393287 JPN393287 JZJ393287 KJF393287 KTB393287 LCX393287 LMT393287 LWP393287 MGL393287 MQH393287 NAD393287 NJZ393287 NTV393287 ODR393287 ONN393287 OXJ393287 PHF393287 PRB393287 QAX393287 QKT393287 QUP393287 REL393287 ROH393287 RYD393287 SHZ393287 SRV393287 TBR393287 TLN393287 TVJ393287 UFF393287 UPB393287 UYX393287 VIT393287 VSP393287 WCL393287 WMH393287 WWD393287 V458823 JR458823 TN458823 ADJ458823 ANF458823 AXB458823 BGX458823 BQT458823 CAP458823 CKL458823 CUH458823 DED458823 DNZ458823 DXV458823 EHR458823 ERN458823 FBJ458823 FLF458823 FVB458823 GEX458823 GOT458823 GYP458823 HIL458823 HSH458823 ICD458823 ILZ458823 IVV458823 JFR458823 JPN458823 JZJ458823 KJF458823 KTB458823 LCX458823 LMT458823 LWP458823 MGL458823 MQH458823 NAD458823 NJZ458823 NTV458823 ODR458823 ONN458823 OXJ458823 PHF458823 PRB458823 QAX458823 QKT458823 QUP458823 REL458823 ROH458823 RYD458823 SHZ458823 SRV458823 TBR458823 TLN458823 TVJ458823 UFF458823 UPB458823 UYX458823 VIT458823 VSP458823 WCL458823 WMH458823 WWD458823 V524359 JR524359 TN524359 ADJ524359 ANF524359 AXB524359 BGX524359 BQT524359 CAP524359 CKL524359 CUH524359 DED524359 DNZ524359 DXV524359 EHR524359 ERN524359 FBJ524359 FLF524359 FVB524359 GEX524359 GOT524359 GYP524359 HIL524359 HSH524359 ICD524359 ILZ524359 IVV524359 JFR524359 JPN524359 JZJ524359 KJF524359 KTB524359 LCX524359 LMT524359 LWP524359 MGL524359 MQH524359 NAD524359 NJZ524359 NTV524359 ODR524359 ONN524359 OXJ524359 PHF524359 PRB524359 QAX524359 QKT524359 QUP524359 REL524359 ROH524359 RYD524359 SHZ524359 SRV524359 TBR524359 TLN524359 TVJ524359 UFF524359 UPB524359 UYX524359 VIT524359 VSP524359 WCL524359 WMH524359 WWD524359 V589895 JR589895 TN589895 ADJ589895 ANF589895 AXB589895 BGX589895 BQT589895 CAP589895 CKL589895 CUH589895 DED589895 DNZ589895 DXV589895 EHR589895 ERN589895 FBJ589895 FLF589895 FVB589895 GEX589895 GOT589895 GYP589895 HIL589895 HSH589895 ICD589895 ILZ589895 IVV589895 JFR589895 JPN589895 JZJ589895 KJF589895 KTB589895 LCX589895 LMT589895 LWP589895 MGL589895 MQH589895 NAD589895 NJZ589895 NTV589895 ODR589895 ONN589895 OXJ589895 PHF589895 PRB589895 QAX589895 QKT589895 QUP589895 REL589895 ROH589895 RYD589895 SHZ589895 SRV589895 TBR589895 TLN589895 TVJ589895 UFF589895 UPB589895 UYX589895 VIT589895 VSP589895 WCL589895 WMH589895 WWD589895 V655431 JR655431 TN655431 ADJ655431 ANF655431 AXB655431 BGX655431 BQT655431 CAP655431 CKL655431 CUH655431 DED655431 DNZ655431 DXV655431 EHR655431 ERN655431 FBJ655431 FLF655431 FVB655431 GEX655431 GOT655431 GYP655431 HIL655431 HSH655431 ICD655431 ILZ655431 IVV655431 JFR655431 JPN655431 JZJ655431 KJF655431 KTB655431 LCX655431 LMT655431 LWP655431 MGL655431 MQH655431 NAD655431 NJZ655431 NTV655431 ODR655431 ONN655431 OXJ655431 PHF655431 PRB655431 QAX655431 QKT655431 QUP655431 REL655431 ROH655431 RYD655431 SHZ655431 SRV655431 TBR655431 TLN655431 TVJ655431 UFF655431 UPB655431 UYX655431 VIT655431 VSP655431 WCL655431 WMH655431 WWD655431 V720967 JR720967 TN720967 ADJ720967 ANF720967 AXB720967 BGX720967 BQT720967 CAP720967 CKL720967 CUH720967 DED720967 DNZ720967 DXV720967 EHR720967 ERN720967 FBJ720967 FLF720967 FVB720967 GEX720967 GOT720967 GYP720967 HIL720967 HSH720967 ICD720967 ILZ720967 IVV720967 JFR720967 JPN720967 JZJ720967 KJF720967 KTB720967 LCX720967 LMT720967 LWP720967 MGL720967 MQH720967 NAD720967 NJZ720967 NTV720967 ODR720967 ONN720967 OXJ720967 PHF720967 PRB720967 QAX720967 QKT720967 QUP720967 REL720967 ROH720967 RYD720967 SHZ720967 SRV720967 TBR720967 TLN720967 TVJ720967 UFF720967 UPB720967 UYX720967 VIT720967 VSP720967 WCL720967 WMH720967 WWD720967 V786503 JR786503 TN786503 ADJ786503 ANF786503 AXB786503 BGX786503 BQT786503 CAP786503 CKL786503 CUH786503 DED786503 DNZ786503 DXV786503 EHR786503 ERN786503 FBJ786503 FLF786503 FVB786503 GEX786503 GOT786503 GYP786503 HIL786503 HSH786503 ICD786503 ILZ786503 IVV786503 JFR786503 JPN786503 JZJ786503 KJF786503 KTB786503 LCX786503 LMT786503 LWP786503 MGL786503 MQH786503 NAD786503 NJZ786503 NTV786503 ODR786503 ONN786503 OXJ786503 PHF786503 PRB786503 QAX786503 QKT786503 QUP786503 REL786503 ROH786503 RYD786503 SHZ786503 SRV786503 TBR786503 TLN786503 TVJ786503 UFF786503 UPB786503 UYX786503 VIT786503 VSP786503 WCL786503 WMH786503 WWD786503 V852039 JR852039 TN852039 ADJ852039 ANF852039 AXB852039 BGX852039 BQT852039 CAP852039 CKL852039 CUH852039 DED852039 DNZ852039 DXV852039 EHR852039 ERN852039 FBJ852039 FLF852039 FVB852039 GEX852039 GOT852039 GYP852039 HIL852039 HSH852039 ICD852039 ILZ852039 IVV852039 JFR852039 JPN852039 JZJ852039 KJF852039 KTB852039 LCX852039 LMT852039 LWP852039 MGL852039 MQH852039 NAD852039 NJZ852039 NTV852039 ODR852039 ONN852039 OXJ852039 PHF852039 PRB852039 QAX852039 QKT852039 QUP852039 REL852039 ROH852039 RYD852039 SHZ852039 SRV852039 TBR852039 TLN852039 TVJ852039 UFF852039 UPB852039 UYX852039 VIT852039 VSP852039 WCL852039 WMH852039 WWD852039 V917575 JR917575 TN917575 ADJ917575 ANF917575 AXB917575 BGX917575 BQT917575 CAP917575 CKL917575 CUH917575 DED917575 DNZ917575 DXV917575 EHR917575 ERN917575 FBJ917575 FLF917575 FVB917575 GEX917575 GOT917575 GYP917575 HIL917575 HSH917575 ICD917575 ILZ917575 IVV917575 JFR917575 JPN917575 JZJ917575 KJF917575 KTB917575 LCX917575 LMT917575 LWP917575 MGL917575 MQH917575 NAD917575 NJZ917575 NTV917575 ODR917575 ONN917575 OXJ917575 PHF917575 PRB917575 QAX917575 QKT917575 QUP917575 REL917575 ROH917575 RYD917575 SHZ917575 SRV917575 TBR917575 TLN917575 TVJ917575 UFF917575 UPB917575 UYX917575 VIT917575 VSP917575 WCL917575 WMH917575 WWD917575 V983111 JR983111 TN983111 ADJ983111 ANF983111 AXB983111 BGX983111 BQT983111 CAP983111 CKL983111 CUH983111 DED983111 DNZ983111 DXV983111 EHR983111 ERN983111 FBJ983111 FLF983111 FVB983111 GEX983111 GOT983111 GYP983111 HIL983111 HSH983111 ICD983111 ILZ983111 IVV983111 JFR983111 JPN983111 JZJ983111 KJF983111 KTB983111 LCX983111 LMT983111 LWP983111 MGL983111 MQH983111 NAD983111 NJZ983111 NTV983111 ODR983111 ONN983111 OXJ983111 PHF983111 PRB983111 QAX983111 QKT983111 QUP983111 REL983111 ROH983111 RYD983111 SHZ983111 SRV983111 TBR983111 TLN983111 TVJ983111 UFF983111 UPB983111 UYX983111 VIT983111 VSP983111 WCL983111 WMH983111 WWD983111 X71 JT71 TP71 ADL71 ANH71 AXD71 BGZ71 BQV71 CAR71 CKN71 CUJ71 DEF71 DOB71 DXX71 EHT71 ERP71 FBL71 FLH71 FVD71 GEZ71 GOV71 GYR71 HIN71 HSJ71 ICF71 IMB71 IVX71 JFT71 JPP71 JZL71 KJH71 KTD71 LCZ71 LMV71 LWR71 MGN71 MQJ71 NAF71 NKB71 NTX71 ODT71 ONP71 OXL71 PHH71 PRD71 QAZ71 QKV71 QUR71 REN71 ROJ71 RYF71 SIB71 SRX71 TBT71 TLP71 TVL71 UFH71 UPD71 UYZ71 VIV71 VSR71 WCN71 WMJ71 WWF71 X65607 JT65607 TP65607 ADL65607 ANH65607 AXD65607 BGZ65607 BQV65607 CAR65607 CKN65607 CUJ65607 DEF65607 DOB65607 DXX65607 EHT65607 ERP65607 FBL65607 FLH65607 FVD65607 GEZ65607 GOV65607 GYR65607 HIN65607 HSJ65607 ICF65607 IMB65607 IVX65607 JFT65607 JPP65607 JZL65607 KJH65607 KTD65607 LCZ65607 LMV65607 LWR65607 MGN65607 MQJ65607 NAF65607 NKB65607 NTX65607 ODT65607 ONP65607 OXL65607 PHH65607 PRD65607 QAZ65607 QKV65607 QUR65607 REN65607 ROJ65607 RYF65607 SIB65607 SRX65607 TBT65607 TLP65607 TVL65607 UFH65607 UPD65607 UYZ65607 VIV65607 VSR65607 WCN65607 WMJ65607 WWF65607 X131143 JT131143 TP131143 ADL131143 ANH131143 AXD131143 BGZ131143 BQV131143 CAR131143 CKN131143 CUJ131143 DEF131143 DOB131143 DXX131143 EHT131143 ERP131143 FBL131143 FLH131143 FVD131143 GEZ131143 GOV131143 GYR131143 HIN131143 HSJ131143 ICF131143 IMB131143 IVX131143 JFT131143 JPP131143 JZL131143 KJH131143 KTD131143 LCZ131143 LMV131143 LWR131143 MGN131143 MQJ131143 NAF131143 NKB131143 NTX131143 ODT131143 ONP131143 OXL131143 PHH131143 PRD131143 QAZ131143 QKV131143 QUR131143 REN131143 ROJ131143 RYF131143 SIB131143 SRX131143 TBT131143 TLP131143 TVL131143 UFH131143 UPD131143 UYZ131143 VIV131143 VSR131143 WCN131143 WMJ131143 WWF131143 X196679 JT196679 TP196679 ADL196679 ANH196679 AXD196679 BGZ196679 BQV196679 CAR196679 CKN196679 CUJ196679 DEF196679 DOB196679 DXX196679 EHT196679 ERP196679 FBL196679 FLH196679 FVD196679 GEZ196679 GOV196679 GYR196679 HIN196679 HSJ196679 ICF196679 IMB196679 IVX196679 JFT196679 JPP196679 JZL196679 KJH196679 KTD196679 LCZ196679 LMV196679 LWR196679 MGN196679 MQJ196679 NAF196679 NKB196679 NTX196679 ODT196679 ONP196679 OXL196679 PHH196679 PRD196679 QAZ196679 QKV196679 QUR196679 REN196679 ROJ196679 RYF196679 SIB196679 SRX196679 TBT196679 TLP196679 TVL196679 UFH196679 UPD196679 UYZ196679 VIV196679 VSR196679 WCN196679 WMJ196679 WWF196679 X262215 JT262215 TP262215 ADL262215 ANH262215 AXD262215 BGZ262215 BQV262215 CAR262215 CKN262215 CUJ262215 DEF262215 DOB262215 DXX262215 EHT262215 ERP262215 FBL262215 FLH262215 FVD262215 GEZ262215 GOV262215 GYR262215 HIN262215 HSJ262215 ICF262215 IMB262215 IVX262215 JFT262215 JPP262215 JZL262215 KJH262215 KTD262215 LCZ262215 LMV262215 LWR262215 MGN262215 MQJ262215 NAF262215 NKB262215 NTX262215 ODT262215 ONP262215 OXL262215 PHH262215 PRD262215 QAZ262215 QKV262215 QUR262215 REN262215 ROJ262215 RYF262215 SIB262215 SRX262215 TBT262215 TLP262215 TVL262215 UFH262215 UPD262215 UYZ262215 VIV262215 VSR262215 WCN262215 WMJ262215 WWF262215 X327751 JT327751 TP327751 ADL327751 ANH327751 AXD327751 BGZ327751 BQV327751 CAR327751 CKN327751 CUJ327751 DEF327751 DOB327751 DXX327751 EHT327751 ERP327751 FBL327751 FLH327751 FVD327751 GEZ327751 GOV327751 GYR327751 HIN327751 HSJ327751 ICF327751 IMB327751 IVX327751 JFT327751 JPP327751 JZL327751 KJH327751 KTD327751 LCZ327751 LMV327751 LWR327751 MGN327751 MQJ327751 NAF327751 NKB327751 NTX327751 ODT327751 ONP327751 OXL327751 PHH327751 PRD327751 QAZ327751 QKV327751 QUR327751 REN327751 ROJ327751 RYF327751 SIB327751 SRX327751 TBT327751 TLP327751 TVL327751 UFH327751 UPD327751 UYZ327751 VIV327751 VSR327751 WCN327751 WMJ327751 WWF327751 X393287 JT393287 TP393287 ADL393287 ANH393287 AXD393287 BGZ393287 BQV393287 CAR393287 CKN393287 CUJ393287 DEF393287 DOB393287 DXX393287 EHT393287 ERP393287 FBL393287 FLH393287 FVD393287 GEZ393287 GOV393287 GYR393287 HIN393287 HSJ393287 ICF393287 IMB393287 IVX393287 JFT393287 JPP393287 JZL393287 KJH393287 KTD393287 LCZ393287 LMV393287 LWR393287 MGN393287 MQJ393287 NAF393287 NKB393287 NTX393287 ODT393287 ONP393287 OXL393287 PHH393287 PRD393287 QAZ393287 QKV393287 QUR393287 REN393287 ROJ393287 RYF393287 SIB393287 SRX393287 TBT393287 TLP393287 TVL393287 UFH393287 UPD393287 UYZ393287 VIV393287 VSR393287 WCN393287 WMJ393287 WWF393287 X458823 JT458823 TP458823 ADL458823 ANH458823 AXD458823 BGZ458823 BQV458823 CAR458823 CKN458823 CUJ458823 DEF458823 DOB458823 DXX458823 EHT458823 ERP458823 FBL458823 FLH458823 FVD458823 GEZ458823 GOV458823 GYR458823 HIN458823 HSJ458823 ICF458823 IMB458823 IVX458823 JFT458823 JPP458823 JZL458823 KJH458823 KTD458823 LCZ458823 LMV458823 LWR458823 MGN458823 MQJ458823 NAF458823 NKB458823 NTX458823 ODT458823 ONP458823 OXL458823 PHH458823 PRD458823 QAZ458823 QKV458823 QUR458823 REN458823 ROJ458823 RYF458823 SIB458823 SRX458823 TBT458823 TLP458823 TVL458823 UFH458823 UPD458823 UYZ458823 VIV458823 VSR458823 WCN458823 WMJ458823 WWF458823 X524359 JT524359 TP524359 ADL524359 ANH524359 AXD524359 BGZ524359 BQV524359 CAR524359 CKN524359 CUJ524359 DEF524359 DOB524359 DXX524359 EHT524359 ERP524359 FBL524359 FLH524359 FVD524359 GEZ524359 GOV524359 GYR524359 HIN524359 HSJ524359 ICF524359 IMB524359 IVX524359 JFT524359 JPP524359 JZL524359 KJH524359 KTD524359 LCZ524359 LMV524359 LWR524359 MGN524359 MQJ524359 NAF524359 NKB524359 NTX524359 ODT524359 ONP524359 OXL524359 PHH524359 PRD524359 QAZ524359 QKV524359 QUR524359 REN524359 ROJ524359 RYF524359 SIB524359 SRX524359 TBT524359 TLP524359 TVL524359 UFH524359 UPD524359 UYZ524359 VIV524359 VSR524359 WCN524359 WMJ524359 WWF524359 X589895 JT589895 TP589895 ADL589895 ANH589895 AXD589895 BGZ589895 BQV589895 CAR589895 CKN589895 CUJ589895 DEF589895 DOB589895 DXX589895 EHT589895 ERP589895 FBL589895 FLH589895 FVD589895 GEZ589895 GOV589895 GYR589895 HIN589895 HSJ589895 ICF589895 IMB589895 IVX589895 JFT589895 JPP589895 JZL589895 KJH589895 KTD589895 LCZ589895 LMV589895 LWR589895 MGN589895 MQJ589895 NAF589895 NKB589895 NTX589895 ODT589895 ONP589895 OXL589895 PHH589895 PRD589895 QAZ589895 QKV589895 QUR589895 REN589895 ROJ589895 RYF589895 SIB589895 SRX589895 TBT589895 TLP589895 TVL589895 UFH589895 UPD589895 UYZ589895 VIV589895 VSR589895 WCN589895 WMJ589895 WWF589895 X655431 JT655431 TP655431 ADL655431 ANH655431 AXD655431 BGZ655431 BQV655431 CAR655431 CKN655431 CUJ655431 DEF655431 DOB655431 DXX655431 EHT655431 ERP655431 FBL655431 FLH655431 FVD655431 GEZ655431 GOV655431 GYR655431 HIN655431 HSJ655431 ICF655431 IMB655431 IVX655431 JFT655431 JPP655431 JZL655431 KJH655431 KTD655431 LCZ655431 LMV655431 LWR655431 MGN655431 MQJ655431 NAF655431 NKB655431 NTX655431 ODT655431 ONP655431 OXL655431 PHH655431 PRD655431 QAZ655431 QKV655431 QUR655431 REN655431 ROJ655431 RYF655431 SIB655431 SRX655431 TBT655431 TLP655431 TVL655431 UFH655431 UPD655431 UYZ655431 VIV655431 VSR655431 WCN655431 WMJ655431 WWF655431 X720967 JT720967 TP720967 ADL720967 ANH720967 AXD720967 BGZ720967 BQV720967 CAR720967 CKN720967 CUJ720967 DEF720967 DOB720967 DXX720967 EHT720967 ERP720967 FBL720967 FLH720967 FVD720967 GEZ720967 GOV720967 GYR720967 HIN720967 HSJ720967 ICF720967 IMB720967 IVX720967 JFT720967 JPP720967 JZL720967 KJH720967 KTD720967 LCZ720967 LMV720967 LWR720967 MGN720967 MQJ720967 NAF720967 NKB720967 NTX720967 ODT720967 ONP720967 OXL720967 PHH720967 PRD720967 QAZ720967 QKV720967 QUR720967 REN720967 ROJ720967 RYF720967 SIB720967 SRX720967 TBT720967 TLP720967 TVL720967 UFH720967 UPD720967 UYZ720967 VIV720967 VSR720967 WCN720967 WMJ720967 WWF720967 X786503 JT786503 TP786503 ADL786503 ANH786503 AXD786503 BGZ786503 BQV786503 CAR786503 CKN786503 CUJ786503 DEF786503 DOB786503 DXX786503 EHT786503 ERP786503 FBL786503 FLH786503 FVD786503 GEZ786503 GOV786503 GYR786503 HIN786503 HSJ786503 ICF786503 IMB786503 IVX786503 JFT786503 JPP786503 JZL786503 KJH786503 KTD786503 LCZ786503 LMV786503 LWR786503 MGN786503 MQJ786503 NAF786503 NKB786503 NTX786503 ODT786503 ONP786503 OXL786503 PHH786503 PRD786503 QAZ786503 QKV786503 QUR786503 REN786503 ROJ786503 RYF786503 SIB786503 SRX786503 TBT786503 TLP786503 TVL786503 UFH786503 UPD786503 UYZ786503 VIV786503 VSR786503 WCN786503 WMJ786503 WWF786503 X852039 JT852039 TP852039 ADL852039 ANH852039 AXD852039 BGZ852039 BQV852039 CAR852039 CKN852039 CUJ852039 DEF852039 DOB852039 DXX852039 EHT852039 ERP852039 FBL852039 FLH852039 FVD852039 GEZ852039 GOV852039 GYR852039 HIN852039 HSJ852039 ICF852039 IMB852039 IVX852039 JFT852039 JPP852039 JZL852039 KJH852039 KTD852039 LCZ852039 LMV852039 LWR852039 MGN852039 MQJ852039 NAF852039 NKB852039 NTX852039 ODT852039 ONP852039 OXL852039 PHH852039 PRD852039 QAZ852039 QKV852039 QUR852039 REN852039 ROJ852039 RYF852039 SIB852039 SRX852039 TBT852039 TLP852039 TVL852039 UFH852039 UPD852039 UYZ852039 VIV852039 VSR852039 WCN852039 WMJ852039 WWF852039 X917575 JT917575 TP917575 ADL917575 ANH917575 AXD917575 BGZ917575 BQV917575 CAR917575 CKN917575 CUJ917575 DEF917575 DOB917575 DXX917575 EHT917575 ERP917575 FBL917575 FLH917575 FVD917575 GEZ917575 GOV917575 GYR917575 HIN917575 HSJ917575 ICF917575 IMB917575 IVX917575 JFT917575 JPP917575 JZL917575 KJH917575 KTD917575 LCZ917575 LMV917575 LWR917575 MGN917575 MQJ917575 NAF917575 NKB917575 NTX917575 ODT917575 ONP917575 OXL917575 PHH917575 PRD917575 QAZ917575 QKV917575 QUR917575 REN917575 ROJ917575 RYF917575 SIB917575 SRX917575 TBT917575 TLP917575 TVL917575 UFH917575 UPD917575 UYZ917575 VIV917575 VSR917575 WCN917575 WMJ917575 WWF917575 X983111 JT983111 TP983111 ADL983111 ANH983111 AXD983111 BGZ983111 BQV983111 CAR983111 CKN983111 CUJ983111 DEF983111 DOB983111 DXX983111 EHT983111 ERP983111 FBL983111 FLH983111 FVD983111 GEZ983111 GOV983111 GYR983111 HIN983111 HSJ983111 ICF983111 IMB983111 IVX983111 JFT983111 JPP983111 JZL983111 KJH983111 KTD983111 LCZ983111 LMV983111 LWR983111 MGN983111 MQJ983111 NAF983111 NKB983111 NTX983111 ODT983111 ONP983111 OXL983111 PHH983111 PRD983111 QAZ983111 QKV983111 QUR983111 REN983111 ROJ983111 RYF983111 SIB983111 SRX983111 TBT983111 TLP983111 TVL983111 UFH983111 UPD983111 UYZ983111 VIV983111 VSR983111 WCN983111 WMJ983111 WWF983111 V73 JR73 TN73 ADJ73 ANF73 AXB73 BGX73 BQT73 CAP73 CKL73 CUH73 DED73 DNZ73 DXV73 EHR73 ERN73 FBJ73 FLF73 FVB73 GEX73 GOT73 GYP73 HIL73 HSH73 ICD73 ILZ73 IVV73 JFR73 JPN73 JZJ73 KJF73 KTB73 LCX73 LMT73 LWP73 MGL73 MQH73 NAD73 NJZ73 NTV73 ODR73 ONN73 OXJ73 PHF73 PRB73 QAX73 QKT73 QUP73 REL73 ROH73 RYD73 SHZ73 SRV73 TBR73 TLN73 TVJ73 UFF73 UPB73 UYX73 VIT73 VSP73 WCL73 WMH73 WWD73 V65609 JR65609 TN65609 ADJ65609 ANF65609 AXB65609 BGX65609 BQT65609 CAP65609 CKL65609 CUH65609 DED65609 DNZ65609 DXV65609 EHR65609 ERN65609 FBJ65609 FLF65609 FVB65609 GEX65609 GOT65609 GYP65609 HIL65609 HSH65609 ICD65609 ILZ65609 IVV65609 JFR65609 JPN65609 JZJ65609 KJF65609 KTB65609 LCX65609 LMT65609 LWP65609 MGL65609 MQH65609 NAD65609 NJZ65609 NTV65609 ODR65609 ONN65609 OXJ65609 PHF65609 PRB65609 QAX65609 QKT65609 QUP65609 REL65609 ROH65609 RYD65609 SHZ65609 SRV65609 TBR65609 TLN65609 TVJ65609 UFF65609 UPB65609 UYX65609 VIT65609 VSP65609 WCL65609 WMH65609 WWD65609 V131145 JR131145 TN131145 ADJ131145 ANF131145 AXB131145 BGX131145 BQT131145 CAP131145 CKL131145 CUH131145 DED131145 DNZ131145 DXV131145 EHR131145 ERN131145 FBJ131145 FLF131145 FVB131145 GEX131145 GOT131145 GYP131145 HIL131145 HSH131145 ICD131145 ILZ131145 IVV131145 JFR131145 JPN131145 JZJ131145 KJF131145 KTB131145 LCX131145 LMT131145 LWP131145 MGL131145 MQH131145 NAD131145 NJZ131145 NTV131145 ODR131145 ONN131145 OXJ131145 PHF131145 PRB131145 QAX131145 QKT131145 QUP131145 REL131145 ROH131145 RYD131145 SHZ131145 SRV131145 TBR131145 TLN131145 TVJ131145 UFF131145 UPB131145 UYX131145 VIT131145 VSP131145 WCL131145 WMH131145 WWD131145 V196681 JR196681 TN196681 ADJ196681 ANF196681 AXB196681 BGX196681 BQT196681 CAP196681 CKL196681 CUH196681 DED196681 DNZ196681 DXV196681 EHR196681 ERN196681 FBJ196681 FLF196681 FVB196681 GEX196681 GOT196681 GYP196681 HIL196681 HSH196681 ICD196681 ILZ196681 IVV196681 JFR196681 JPN196681 JZJ196681 KJF196681 KTB196681 LCX196681 LMT196681 LWP196681 MGL196681 MQH196681 NAD196681 NJZ196681 NTV196681 ODR196681 ONN196681 OXJ196681 PHF196681 PRB196681 QAX196681 QKT196681 QUP196681 REL196681 ROH196681 RYD196681 SHZ196681 SRV196681 TBR196681 TLN196681 TVJ196681 UFF196681 UPB196681 UYX196681 VIT196681 VSP196681 WCL196681 WMH196681 WWD196681 V262217 JR262217 TN262217 ADJ262217 ANF262217 AXB262217 BGX262217 BQT262217 CAP262217 CKL262217 CUH262217 DED262217 DNZ262217 DXV262217 EHR262217 ERN262217 FBJ262217 FLF262217 FVB262217 GEX262217 GOT262217 GYP262217 HIL262217 HSH262217 ICD262217 ILZ262217 IVV262217 JFR262217 JPN262217 JZJ262217 KJF262217 KTB262217 LCX262217 LMT262217 LWP262217 MGL262217 MQH262217 NAD262217 NJZ262217 NTV262217 ODR262217 ONN262217 OXJ262217 PHF262217 PRB262217 QAX262217 QKT262217 QUP262217 REL262217 ROH262217 RYD262217 SHZ262217 SRV262217 TBR262217 TLN262217 TVJ262217 UFF262217 UPB262217 UYX262217 VIT262217 VSP262217 WCL262217 WMH262217 WWD262217 V327753 JR327753 TN327753 ADJ327753 ANF327753 AXB327753 BGX327753 BQT327753 CAP327753 CKL327753 CUH327753 DED327753 DNZ327753 DXV327753 EHR327753 ERN327753 FBJ327753 FLF327753 FVB327753 GEX327753 GOT327753 GYP327753 HIL327753 HSH327753 ICD327753 ILZ327753 IVV327753 JFR327753 JPN327753 JZJ327753 KJF327753 KTB327753 LCX327753 LMT327753 LWP327753 MGL327753 MQH327753 NAD327753 NJZ327753 NTV327753 ODR327753 ONN327753 OXJ327753 PHF327753 PRB327753 QAX327753 QKT327753 QUP327753 REL327753 ROH327753 RYD327753 SHZ327753 SRV327753 TBR327753 TLN327753 TVJ327753 UFF327753 UPB327753 UYX327753 VIT327753 VSP327753 WCL327753 WMH327753 WWD327753 V393289 JR393289 TN393289 ADJ393289 ANF393289 AXB393289 BGX393289 BQT393289 CAP393289 CKL393289 CUH393289 DED393289 DNZ393289 DXV393289 EHR393289 ERN393289 FBJ393289 FLF393289 FVB393289 GEX393289 GOT393289 GYP393289 HIL393289 HSH393289 ICD393289 ILZ393289 IVV393289 JFR393289 JPN393289 JZJ393289 KJF393289 KTB393289 LCX393289 LMT393289 LWP393289 MGL393289 MQH393289 NAD393289 NJZ393289 NTV393289 ODR393289 ONN393289 OXJ393289 PHF393289 PRB393289 QAX393289 QKT393289 QUP393289 REL393289 ROH393289 RYD393289 SHZ393289 SRV393289 TBR393289 TLN393289 TVJ393289 UFF393289 UPB393289 UYX393289 VIT393289 VSP393289 WCL393289 WMH393289 WWD393289 V458825 JR458825 TN458825 ADJ458825 ANF458825 AXB458825 BGX458825 BQT458825 CAP458825 CKL458825 CUH458825 DED458825 DNZ458825 DXV458825 EHR458825 ERN458825 FBJ458825 FLF458825 FVB458825 GEX458825 GOT458825 GYP458825 HIL458825 HSH458825 ICD458825 ILZ458825 IVV458825 JFR458825 JPN458825 JZJ458825 KJF458825 KTB458825 LCX458825 LMT458825 LWP458825 MGL458825 MQH458825 NAD458825 NJZ458825 NTV458825 ODR458825 ONN458825 OXJ458825 PHF458825 PRB458825 QAX458825 QKT458825 QUP458825 REL458825 ROH458825 RYD458825 SHZ458825 SRV458825 TBR458825 TLN458825 TVJ458825 UFF458825 UPB458825 UYX458825 VIT458825 VSP458825 WCL458825 WMH458825 WWD458825 V524361 JR524361 TN524361 ADJ524361 ANF524361 AXB524361 BGX524361 BQT524361 CAP524361 CKL524361 CUH524361 DED524361 DNZ524361 DXV524361 EHR524361 ERN524361 FBJ524361 FLF524361 FVB524361 GEX524361 GOT524361 GYP524361 HIL524361 HSH524361 ICD524361 ILZ524361 IVV524361 JFR524361 JPN524361 JZJ524361 KJF524361 KTB524361 LCX524361 LMT524361 LWP524361 MGL524361 MQH524361 NAD524361 NJZ524361 NTV524361 ODR524361 ONN524361 OXJ524361 PHF524361 PRB524361 QAX524361 QKT524361 QUP524361 REL524361 ROH524361 RYD524361 SHZ524361 SRV524361 TBR524361 TLN524361 TVJ524361 UFF524361 UPB524361 UYX524361 VIT524361 VSP524361 WCL524361 WMH524361 WWD524361 V589897 JR589897 TN589897 ADJ589897 ANF589897 AXB589897 BGX589897 BQT589897 CAP589897 CKL589897 CUH589897 DED589897 DNZ589897 DXV589897 EHR589897 ERN589897 FBJ589897 FLF589897 FVB589897 GEX589897 GOT589897 GYP589897 HIL589897 HSH589897 ICD589897 ILZ589897 IVV589897 JFR589897 JPN589897 JZJ589897 KJF589897 KTB589897 LCX589897 LMT589897 LWP589897 MGL589897 MQH589897 NAD589897 NJZ589897 NTV589897 ODR589897 ONN589897 OXJ589897 PHF589897 PRB589897 QAX589897 QKT589897 QUP589897 REL589897 ROH589897 RYD589897 SHZ589897 SRV589897 TBR589897 TLN589897 TVJ589897 UFF589897 UPB589897 UYX589897 VIT589897 VSP589897 WCL589897 WMH589897 WWD589897 V655433 JR655433 TN655433 ADJ655433 ANF655433 AXB655433 BGX655433 BQT655433 CAP655433 CKL655433 CUH655433 DED655433 DNZ655433 DXV655433 EHR655433 ERN655433 FBJ655433 FLF655433 FVB655433 GEX655433 GOT655433 GYP655433 HIL655433 HSH655433 ICD655433 ILZ655433 IVV655433 JFR655433 JPN655433 JZJ655433 KJF655433 KTB655433 LCX655433 LMT655433 LWP655433 MGL655433 MQH655433 NAD655433 NJZ655433 NTV655433 ODR655433 ONN655433 OXJ655433 PHF655433 PRB655433 QAX655433 QKT655433 QUP655433 REL655433 ROH655433 RYD655433 SHZ655433 SRV655433 TBR655433 TLN655433 TVJ655433 UFF655433 UPB655433 UYX655433 VIT655433 VSP655433 WCL655433 WMH655433 WWD655433 V720969 JR720969 TN720969 ADJ720969 ANF720969 AXB720969 BGX720969 BQT720969 CAP720969 CKL720969 CUH720969 DED720969 DNZ720969 DXV720969 EHR720969 ERN720969 FBJ720969 FLF720969 FVB720969 GEX720969 GOT720969 GYP720969 HIL720969 HSH720969 ICD720969 ILZ720969 IVV720969 JFR720969 JPN720969 JZJ720969 KJF720969 KTB720969 LCX720969 LMT720969 LWP720969 MGL720969 MQH720969 NAD720969 NJZ720969 NTV720969 ODR720969 ONN720969 OXJ720969 PHF720969 PRB720969 QAX720969 QKT720969 QUP720969 REL720969 ROH720969 RYD720969 SHZ720969 SRV720969 TBR720969 TLN720969 TVJ720969 UFF720969 UPB720969 UYX720969 VIT720969 VSP720969 WCL720969 WMH720969 WWD720969 V786505 JR786505 TN786505 ADJ786505 ANF786505 AXB786505 BGX786505 BQT786505 CAP786505 CKL786505 CUH786505 DED786505 DNZ786505 DXV786505 EHR786505 ERN786505 FBJ786505 FLF786505 FVB786505 GEX786505 GOT786505 GYP786505 HIL786505 HSH786505 ICD786505 ILZ786505 IVV786505 JFR786505 JPN786505 JZJ786505 KJF786505 KTB786505 LCX786505 LMT786505 LWP786505 MGL786505 MQH786505 NAD786505 NJZ786505 NTV786505 ODR786505 ONN786505 OXJ786505 PHF786505 PRB786505 QAX786505 QKT786505 QUP786505 REL786505 ROH786505 RYD786505 SHZ786505 SRV786505 TBR786505 TLN786505 TVJ786505 UFF786505 UPB786505 UYX786505 VIT786505 VSP786505 WCL786505 WMH786505 WWD786505 V852041 JR852041 TN852041 ADJ852041 ANF852041 AXB852041 BGX852041 BQT852041 CAP852041 CKL852041 CUH852041 DED852041 DNZ852041 DXV852041 EHR852041 ERN852041 FBJ852041 FLF852041 FVB852041 GEX852041 GOT852041 GYP852041 HIL852041 HSH852041 ICD852041 ILZ852041 IVV852041 JFR852041 JPN852041 JZJ852041 KJF852041 KTB852041 LCX852041 LMT852041 LWP852041 MGL852041 MQH852041 NAD852041 NJZ852041 NTV852041 ODR852041 ONN852041 OXJ852041 PHF852041 PRB852041 QAX852041 QKT852041 QUP852041 REL852041 ROH852041 RYD852041 SHZ852041 SRV852041 TBR852041 TLN852041 TVJ852041 UFF852041 UPB852041 UYX852041 VIT852041 VSP852041 WCL852041 WMH852041 WWD852041 V917577 JR917577 TN917577 ADJ917577 ANF917577 AXB917577 BGX917577 BQT917577 CAP917577 CKL917577 CUH917577 DED917577 DNZ917577 DXV917577 EHR917577 ERN917577 FBJ917577 FLF917577 FVB917577 GEX917577 GOT917577 GYP917577 HIL917577 HSH917577 ICD917577 ILZ917577 IVV917577 JFR917577 JPN917577 JZJ917577 KJF917577 KTB917577 LCX917577 LMT917577 LWP917577 MGL917577 MQH917577 NAD917577 NJZ917577 NTV917577 ODR917577 ONN917577 OXJ917577 PHF917577 PRB917577 QAX917577 QKT917577 QUP917577 REL917577 ROH917577 RYD917577 SHZ917577 SRV917577 TBR917577 TLN917577 TVJ917577 UFF917577 UPB917577 UYX917577 VIT917577 VSP917577 WCL917577 WMH917577 WWD917577 V983113 JR983113 TN983113 ADJ983113 ANF983113 AXB983113 BGX983113 BQT983113 CAP983113 CKL983113 CUH983113 DED983113 DNZ983113 DXV983113 EHR983113 ERN983113 FBJ983113 FLF983113 FVB983113 GEX983113 GOT983113 GYP983113 HIL983113 HSH983113 ICD983113 ILZ983113 IVV983113 JFR983113 JPN983113 JZJ983113 KJF983113 KTB983113 LCX983113 LMT983113 LWP983113 MGL983113 MQH983113 NAD983113 NJZ983113 NTV983113 ODR983113 ONN983113 OXJ983113 PHF983113 PRB983113 QAX983113 QKT983113 QUP983113 REL983113 ROH983113 RYD983113 SHZ983113 SRV983113 TBR983113 TLN983113 TVJ983113 UFF983113 UPB983113 UYX983113 VIT983113 VSP983113 WCL983113 WMH983113 WWD983113 X73 JT73 TP73 ADL73 ANH73 AXD73 BGZ73 BQV73 CAR73 CKN73 CUJ73 DEF73 DOB73 DXX73 EHT73 ERP73 FBL73 FLH73 FVD73 GEZ73 GOV73 GYR73 HIN73 HSJ73 ICF73 IMB73 IVX73 JFT73 JPP73 JZL73 KJH73 KTD73 LCZ73 LMV73 LWR73 MGN73 MQJ73 NAF73 NKB73 NTX73 ODT73 ONP73 OXL73 PHH73 PRD73 QAZ73 QKV73 QUR73 REN73 ROJ73 RYF73 SIB73 SRX73 TBT73 TLP73 TVL73 UFH73 UPD73 UYZ73 VIV73 VSR73 WCN73 WMJ73 WWF73 X65609 JT65609 TP65609 ADL65609 ANH65609 AXD65609 BGZ65609 BQV65609 CAR65609 CKN65609 CUJ65609 DEF65609 DOB65609 DXX65609 EHT65609 ERP65609 FBL65609 FLH65609 FVD65609 GEZ65609 GOV65609 GYR65609 HIN65609 HSJ65609 ICF65609 IMB65609 IVX65609 JFT65609 JPP65609 JZL65609 KJH65609 KTD65609 LCZ65609 LMV65609 LWR65609 MGN65609 MQJ65609 NAF65609 NKB65609 NTX65609 ODT65609 ONP65609 OXL65609 PHH65609 PRD65609 QAZ65609 QKV65609 QUR65609 REN65609 ROJ65609 RYF65609 SIB65609 SRX65609 TBT65609 TLP65609 TVL65609 UFH65609 UPD65609 UYZ65609 VIV65609 VSR65609 WCN65609 WMJ65609 WWF65609 X131145 JT131145 TP131145 ADL131145 ANH131145 AXD131145 BGZ131145 BQV131145 CAR131145 CKN131145 CUJ131145 DEF131145 DOB131145 DXX131145 EHT131145 ERP131145 FBL131145 FLH131145 FVD131145 GEZ131145 GOV131145 GYR131145 HIN131145 HSJ131145 ICF131145 IMB131145 IVX131145 JFT131145 JPP131145 JZL131145 KJH131145 KTD131145 LCZ131145 LMV131145 LWR131145 MGN131145 MQJ131145 NAF131145 NKB131145 NTX131145 ODT131145 ONP131145 OXL131145 PHH131145 PRD131145 QAZ131145 QKV131145 QUR131145 REN131145 ROJ131145 RYF131145 SIB131145 SRX131145 TBT131145 TLP131145 TVL131145 UFH131145 UPD131145 UYZ131145 VIV131145 VSR131145 WCN131145 WMJ131145 WWF131145 X196681 JT196681 TP196681 ADL196681 ANH196681 AXD196681 BGZ196681 BQV196681 CAR196681 CKN196681 CUJ196681 DEF196681 DOB196681 DXX196681 EHT196681 ERP196681 FBL196681 FLH196681 FVD196681 GEZ196681 GOV196681 GYR196681 HIN196681 HSJ196681 ICF196681 IMB196681 IVX196681 JFT196681 JPP196681 JZL196681 KJH196681 KTD196681 LCZ196681 LMV196681 LWR196681 MGN196681 MQJ196681 NAF196681 NKB196681 NTX196681 ODT196681 ONP196681 OXL196681 PHH196681 PRD196681 QAZ196681 QKV196681 QUR196681 REN196681 ROJ196681 RYF196681 SIB196681 SRX196681 TBT196681 TLP196681 TVL196681 UFH196681 UPD196681 UYZ196681 VIV196681 VSR196681 WCN196681 WMJ196681 WWF196681 X262217 JT262217 TP262217 ADL262217 ANH262217 AXD262217 BGZ262217 BQV262217 CAR262217 CKN262217 CUJ262217 DEF262217 DOB262217 DXX262217 EHT262217 ERP262217 FBL262217 FLH262217 FVD262217 GEZ262217 GOV262217 GYR262217 HIN262217 HSJ262217 ICF262217 IMB262217 IVX262217 JFT262217 JPP262217 JZL262217 KJH262217 KTD262217 LCZ262217 LMV262217 LWR262217 MGN262217 MQJ262217 NAF262217 NKB262217 NTX262217 ODT262217 ONP262217 OXL262217 PHH262217 PRD262217 QAZ262217 QKV262217 QUR262217 REN262217 ROJ262217 RYF262217 SIB262217 SRX262217 TBT262217 TLP262217 TVL262217 UFH262217 UPD262217 UYZ262217 VIV262217 VSR262217 WCN262217 WMJ262217 WWF262217 X327753 JT327753 TP327753 ADL327753 ANH327753 AXD327753 BGZ327753 BQV327753 CAR327753 CKN327753 CUJ327753 DEF327753 DOB327753 DXX327753 EHT327753 ERP327753 FBL327753 FLH327753 FVD327753 GEZ327753 GOV327753 GYR327753 HIN327753 HSJ327753 ICF327753 IMB327753 IVX327753 JFT327753 JPP327753 JZL327753 KJH327753 KTD327753 LCZ327753 LMV327753 LWR327753 MGN327753 MQJ327753 NAF327753 NKB327753 NTX327753 ODT327753 ONP327753 OXL327753 PHH327753 PRD327753 QAZ327753 QKV327753 QUR327753 REN327753 ROJ327753 RYF327753 SIB327753 SRX327753 TBT327753 TLP327753 TVL327753 UFH327753 UPD327753 UYZ327753 VIV327753 VSR327753 WCN327753 WMJ327753 WWF327753 X393289 JT393289 TP393289 ADL393289 ANH393289 AXD393289 BGZ393289 BQV393289 CAR393289 CKN393289 CUJ393289 DEF393289 DOB393289 DXX393289 EHT393289 ERP393289 FBL393289 FLH393289 FVD393289 GEZ393289 GOV393289 GYR393289 HIN393289 HSJ393289 ICF393289 IMB393289 IVX393289 JFT393289 JPP393289 JZL393289 KJH393289 KTD393289 LCZ393289 LMV393289 LWR393289 MGN393289 MQJ393289 NAF393289 NKB393289 NTX393289 ODT393289 ONP393289 OXL393289 PHH393289 PRD393289 QAZ393289 QKV393289 QUR393289 REN393289 ROJ393289 RYF393289 SIB393289 SRX393289 TBT393289 TLP393289 TVL393289 UFH393289 UPD393289 UYZ393289 VIV393289 VSR393289 WCN393289 WMJ393289 WWF393289 X458825 JT458825 TP458825 ADL458825 ANH458825 AXD458825 BGZ458825 BQV458825 CAR458825 CKN458825 CUJ458825 DEF458825 DOB458825 DXX458825 EHT458825 ERP458825 FBL458825 FLH458825 FVD458825 GEZ458825 GOV458825 GYR458825 HIN458825 HSJ458825 ICF458825 IMB458825 IVX458825 JFT458825 JPP458825 JZL458825 KJH458825 KTD458825 LCZ458825 LMV458825 LWR458825 MGN458825 MQJ458825 NAF458825 NKB458825 NTX458825 ODT458825 ONP458825 OXL458825 PHH458825 PRD458825 QAZ458825 QKV458825 QUR458825 REN458825 ROJ458825 RYF458825 SIB458825 SRX458825 TBT458825 TLP458825 TVL458825 UFH458825 UPD458825 UYZ458825 VIV458825 VSR458825 WCN458825 WMJ458825 WWF458825 X524361 JT524361 TP524361 ADL524361 ANH524361 AXD524361 BGZ524361 BQV524361 CAR524361 CKN524361 CUJ524361 DEF524361 DOB524361 DXX524361 EHT524361 ERP524361 FBL524361 FLH524361 FVD524361 GEZ524361 GOV524361 GYR524361 HIN524361 HSJ524361 ICF524361 IMB524361 IVX524361 JFT524361 JPP524361 JZL524361 KJH524361 KTD524361 LCZ524361 LMV524361 LWR524361 MGN524361 MQJ524361 NAF524361 NKB524361 NTX524361 ODT524361 ONP524361 OXL524361 PHH524361 PRD524361 QAZ524361 QKV524361 QUR524361 REN524361 ROJ524361 RYF524361 SIB524361 SRX524361 TBT524361 TLP524361 TVL524361 UFH524361 UPD524361 UYZ524361 VIV524361 VSR524361 WCN524361 WMJ524361 WWF524361 X589897 JT589897 TP589897 ADL589897 ANH589897 AXD589897 BGZ589897 BQV589897 CAR589897 CKN589897 CUJ589897 DEF589897 DOB589897 DXX589897 EHT589897 ERP589897 FBL589897 FLH589897 FVD589897 GEZ589897 GOV589897 GYR589897 HIN589897 HSJ589897 ICF589897 IMB589897 IVX589897 JFT589897 JPP589897 JZL589897 KJH589897 KTD589897 LCZ589897 LMV589897 LWR589897 MGN589897 MQJ589897 NAF589897 NKB589897 NTX589897 ODT589897 ONP589897 OXL589897 PHH589897 PRD589897 QAZ589897 QKV589897 QUR589897 REN589897 ROJ589897 RYF589897 SIB589897 SRX589897 TBT589897 TLP589897 TVL589897 UFH589897 UPD589897 UYZ589897 VIV589897 VSR589897 WCN589897 WMJ589897 WWF589897 X655433 JT655433 TP655433 ADL655433 ANH655433 AXD655433 BGZ655433 BQV655433 CAR655433 CKN655433 CUJ655433 DEF655433 DOB655433 DXX655433 EHT655433 ERP655433 FBL655433 FLH655433 FVD655433 GEZ655433 GOV655433 GYR655433 HIN655433 HSJ655433 ICF655433 IMB655433 IVX655433 JFT655433 JPP655433 JZL655433 KJH655433 KTD655433 LCZ655433 LMV655433 LWR655433 MGN655433 MQJ655433 NAF655433 NKB655433 NTX655433 ODT655433 ONP655433 OXL655433 PHH655433 PRD655433 QAZ655433 QKV655433 QUR655433 REN655433 ROJ655433 RYF655433 SIB655433 SRX655433 TBT655433 TLP655433 TVL655433 UFH655433 UPD655433 UYZ655433 VIV655433 VSR655433 WCN655433 WMJ655433 WWF655433 X720969 JT720969 TP720969 ADL720969 ANH720969 AXD720969 BGZ720969 BQV720969 CAR720969 CKN720969 CUJ720969 DEF720969 DOB720969 DXX720969 EHT720969 ERP720969 FBL720969 FLH720969 FVD720969 GEZ720969 GOV720969 GYR720969 HIN720969 HSJ720969 ICF720969 IMB720969 IVX720969 JFT720969 JPP720969 JZL720969 KJH720969 KTD720969 LCZ720969 LMV720969 LWR720969 MGN720969 MQJ720969 NAF720969 NKB720969 NTX720969 ODT720969 ONP720969 OXL720969 PHH720969 PRD720969 QAZ720969 QKV720969 QUR720969 REN720969 ROJ720969 RYF720969 SIB720969 SRX720969 TBT720969 TLP720969 TVL720969 UFH720969 UPD720969 UYZ720969 VIV720969 VSR720969 WCN720969 WMJ720969 WWF720969 X786505 JT786505 TP786505 ADL786505 ANH786505 AXD786505 BGZ786505 BQV786505 CAR786505 CKN786505 CUJ786505 DEF786505 DOB786505 DXX786505 EHT786505 ERP786505 FBL786505 FLH786505 FVD786505 GEZ786505 GOV786505 GYR786505 HIN786505 HSJ786505 ICF786505 IMB786505 IVX786505 JFT786505 JPP786505 JZL786505 KJH786505 KTD786505 LCZ786505 LMV786505 LWR786505 MGN786505 MQJ786505 NAF786505 NKB786505 NTX786505 ODT786505 ONP786505 OXL786505 PHH786505 PRD786505 QAZ786505 QKV786505 QUR786505 REN786505 ROJ786505 RYF786505 SIB786505 SRX786505 TBT786505 TLP786505 TVL786505 UFH786505 UPD786505 UYZ786505 VIV786505 VSR786505 WCN786505 WMJ786505 WWF786505 X852041 JT852041 TP852041 ADL852041 ANH852041 AXD852041 BGZ852041 BQV852041 CAR852041 CKN852041 CUJ852041 DEF852041 DOB852041 DXX852041 EHT852041 ERP852041 FBL852041 FLH852041 FVD852041 GEZ852041 GOV852041 GYR852041 HIN852041 HSJ852041 ICF852041 IMB852041 IVX852041 JFT852041 JPP852041 JZL852041 KJH852041 KTD852041 LCZ852041 LMV852041 LWR852041 MGN852041 MQJ852041 NAF852041 NKB852041 NTX852041 ODT852041 ONP852041 OXL852041 PHH852041 PRD852041 QAZ852041 QKV852041 QUR852041 REN852041 ROJ852041 RYF852041 SIB852041 SRX852041 TBT852041 TLP852041 TVL852041 UFH852041 UPD852041 UYZ852041 VIV852041 VSR852041 WCN852041 WMJ852041 WWF852041 X917577 JT917577 TP917577 ADL917577 ANH917577 AXD917577 BGZ917577 BQV917577 CAR917577 CKN917577 CUJ917577 DEF917577 DOB917577 DXX917577 EHT917577 ERP917577 FBL917577 FLH917577 FVD917577 GEZ917577 GOV917577 GYR917577 HIN917577 HSJ917577 ICF917577 IMB917577 IVX917577 JFT917577 JPP917577 JZL917577 KJH917577 KTD917577 LCZ917577 LMV917577 LWR917577 MGN917577 MQJ917577 NAF917577 NKB917577 NTX917577 ODT917577 ONP917577 OXL917577 PHH917577 PRD917577 QAZ917577 QKV917577 QUR917577 REN917577 ROJ917577 RYF917577 SIB917577 SRX917577 TBT917577 TLP917577 TVL917577 UFH917577 UPD917577 UYZ917577 VIV917577 VSR917577 WCN917577 WMJ917577 WWF917577 X983113 JT983113 TP983113 ADL983113 ANH983113 AXD983113 BGZ983113 BQV983113 CAR983113 CKN983113 CUJ983113 DEF983113 DOB983113 DXX983113 EHT983113 ERP983113 FBL983113 FLH983113 FVD983113 GEZ983113 GOV983113 GYR983113 HIN983113 HSJ983113 ICF983113 IMB983113 IVX983113 JFT983113 JPP983113 JZL983113 KJH983113 KTD983113 LCZ983113 LMV983113 LWR983113 MGN983113 MQJ983113 NAF983113 NKB983113 NTX983113 ODT983113 ONP983113 OXL983113 PHH983113 PRD983113 QAZ983113 QKV983113 QUR983113 REN983113 ROJ983113 RYF983113 SIB983113 SRX983113 TBT983113 TLP983113 TVL983113 UFH983113 UPD983113 UYZ983113 VIV983113 VSR983113 WCN983113 WMJ983113 WWF983113 V75 JR75 TN75 ADJ75 ANF75 AXB75 BGX75 BQT75 CAP75 CKL75 CUH75 DED75 DNZ75 DXV75 EHR75 ERN75 FBJ75 FLF75 FVB75 GEX75 GOT75 GYP75 HIL75 HSH75 ICD75 ILZ75 IVV75 JFR75 JPN75 JZJ75 KJF75 KTB75 LCX75 LMT75 LWP75 MGL75 MQH75 NAD75 NJZ75 NTV75 ODR75 ONN75 OXJ75 PHF75 PRB75 QAX75 QKT75 QUP75 REL75 ROH75 RYD75 SHZ75 SRV75 TBR75 TLN75 TVJ75 UFF75 UPB75 UYX75 VIT75 VSP75 WCL75 WMH75 WWD75 V65611 JR65611 TN65611 ADJ65611 ANF65611 AXB65611 BGX65611 BQT65611 CAP65611 CKL65611 CUH65611 DED65611 DNZ65611 DXV65611 EHR65611 ERN65611 FBJ65611 FLF65611 FVB65611 GEX65611 GOT65611 GYP65611 HIL65611 HSH65611 ICD65611 ILZ65611 IVV65611 JFR65611 JPN65611 JZJ65611 KJF65611 KTB65611 LCX65611 LMT65611 LWP65611 MGL65611 MQH65611 NAD65611 NJZ65611 NTV65611 ODR65611 ONN65611 OXJ65611 PHF65611 PRB65611 QAX65611 QKT65611 QUP65611 REL65611 ROH65611 RYD65611 SHZ65611 SRV65611 TBR65611 TLN65611 TVJ65611 UFF65611 UPB65611 UYX65611 VIT65611 VSP65611 WCL65611 WMH65611 WWD65611 V131147 JR131147 TN131147 ADJ131147 ANF131147 AXB131147 BGX131147 BQT131147 CAP131147 CKL131147 CUH131147 DED131147 DNZ131147 DXV131147 EHR131147 ERN131147 FBJ131147 FLF131147 FVB131147 GEX131147 GOT131147 GYP131147 HIL131147 HSH131147 ICD131147 ILZ131147 IVV131147 JFR131147 JPN131147 JZJ131147 KJF131147 KTB131147 LCX131147 LMT131147 LWP131147 MGL131147 MQH131147 NAD131147 NJZ131147 NTV131147 ODR131147 ONN131147 OXJ131147 PHF131147 PRB131147 QAX131147 QKT131147 QUP131147 REL131147 ROH131147 RYD131147 SHZ131147 SRV131147 TBR131147 TLN131147 TVJ131147 UFF131147 UPB131147 UYX131147 VIT131147 VSP131147 WCL131147 WMH131147 WWD131147 V196683 JR196683 TN196683 ADJ196683 ANF196683 AXB196683 BGX196683 BQT196683 CAP196683 CKL196683 CUH196683 DED196683 DNZ196683 DXV196683 EHR196683 ERN196683 FBJ196683 FLF196683 FVB196683 GEX196683 GOT196683 GYP196683 HIL196683 HSH196683 ICD196683 ILZ196683 IVV196683 JFR196683 JPN196683 JZJ196683 KJF196683 KTB196683 LCX196683 LMT196683 LWP196683 MGL196683 MQH196683 NAD196683 NJZ196683 NTV196683 ODR196683 ONN196683 OXJ196683 PHF196683 PRB196683 QAX196683 QKT196683 QUP196683 REL196683 ROH196683 RYD196683 SHZ196683 SRV196683 TBR196683 TLN196683 TVJ196683 UFF196683 UPB196683 UYX196683 VIT196683 VSP196683 WCL196683 WMH196683 WWD196683 V262219 JR262219 TN262219 ADJ262219 ANF262219 AXB262219 BGX262219 BQT262219 CAP262219 CKL262219 CUH262219 DED262219 DNZ262219 DXV262219 EHR262219 ERN262219 FBJ262219 FLF262219 FVB262219 GEX262219 GOT262219 GYP262219 HIL262219 HSH262219 ICD262219 ILZ262219 IVV262219 JFR262219 JPN262219 JZJ262219 KJF262219 KTB262219 LCX262219 LMT262219 LWP262219 MGL262219 MQH262219 NAD262219 NJZ262219 NTV262219 ODR262219 ONN262219 OXJ262219 PHF262219 PRB262219 QAX262219 QKT262219 QUP262219 REL262219 ROH262219 RYD262219 SHZ262219 SRV262219 TBR262219 TLN262219 TVJ262219 UFF262219 UPB262219 UYX262219 VIT262219 VSP262219 WCL262219 WMH262219 WWD262219 V327755 JR327755 TN327755 ADJ327755 ANF327755 AXB327755 BGX327755 BQT327755 CAP327755 CKL327755 CUH327755 DED327755 DNZ327755 DXV327755 EHR327755 ERN327755 FBJ327755 FLF327755 FVB327755 GEX327755 GOT327755 GYP327755 HIL327755 HSH327755 ICD327755 ILZ327755 IVV327755 JFR327755 JPN327755 JZJ327755 KJF327755 KTB327755 LCX327755 LMT327755 LWP327755 MGL327755 MQH327755 NAD327755 NJZ327755 NTV327755 ODR327755 ONN327755 OXJ327755 PHF327755 PRB327755 QAX327755 QKT327755 QUP327755 REL327755 ROH327755 RYD327755 SHZ327755 SRV327755 TBR327755 TLN327755 TVJ327755 UFF327755 UPB327755 UYX327755 VIT327755 VSP327755 WCL327755 WMH327755 WWD327755 V393291 JR393291 TN393291 ADJ393291 ANF393291 AXB393291 BGX393291 BQT393291 CAP393291 CKL393291 CUH393291 DED393291 DNZ393291 DXV393291 EHR393291 ERN393291 FBJ393291 FLF393291 FVB393291 GEX393291 GOT393291 GYP393291 HIL393291 HSH393291 ICD393291 ILZ393291 IVV393291 JFR393291 JPN393291 JZJ393291 KJF393291 KTB393291 LCX393291 LMT393291 LWP393291 MGL393291 MQH393291 NAD393291 NJZ393291 NTV393291 ODR393291 ONN393291 OXJ393291 PHF393291 PRB393291 QAX393291 QKT393291 QUP393291 REL393291 ROH393291 RYD393291 SHZ393291 SRV393291 TBR393291 TLN393291 TVJ393291 UFF393291 UPB393291 UYX393291 VIT393291 VSP393291 WCL393291 WMH393291 WWD393291 V458827 JR458827 TN458827 ADJ458827 ANF458827 AXB458827 BGX458827 BQT458827 CAP458827 CKL458827 CUH458827 DED458827 DNZ458827 DXV458827 EHR458827 ERN458827 FBJ458827 FLF458827 FVB458827 GEX458827 GOT458827 GYP458827 HIL458827 HSH458827 ICD458827 ILZ458827 IVV458827 JFR458827 JPN458827 JZJ458827 KJF458827 KTB458827 LCX458827 LMT458827 LWP458827 MGL458827 MQH458827 NAD458827 NJZ458827 NTV458827 ODR458827 ONN458827 OXJ458827 PHF458827 PRB458827 QAX458827 QKT458827 QUP458827 REL458827 ROH458827 RYD458827 SHZ458827 SRV458827 TBR458827 TLN458827 TVJ458827 UFF458827 UPB458827 UYX458827 VIT458827 VSP458827 WCL458827 WMH458827 WWD458827 V524363 JR524363 TN524363 ADJ524363 ANF524363 AXB524363 BGX524363 BQT524363 CAP524363 CKL524363 CUH524363 DED524363 DNZ524363 DXV524363 EHR524363 ERN524363 FBJ524363 FLF524363 FVB524363 GEX524363 GOT524363 GYP524363 HIL524363 HSH524363 ICD524363 ILZ524363 IVV524363 JFR524363 JPN524363 JZJ524363 KJF524363 KTB524363 LCX524363 LMT524363 LWP524363 MGL524363 MQH524363 NAD524363 NJZ524363 NTV524363 ODR524363 ONN524363 OXJ524363 PHF524363 PRB524363 QAX524363 QKT524363 QUP524363 REL524363 ROH524363 RYD524363 SHZ524363 SRV524363 TBR524363 TLN524363 TVJ524363 UFF524363 UPB524363 UYX524363 VIT524363 VSP524363 WCL524363 WMH524363 WWD524363 V589899 JR589899 TN589899 ADJ589899 ANF589899 AXB589899 BGX589899 BQT589899 CAP589899 CKL589899 CUH589899 DED589899 DNZ589899 DXV589899 EHR589899 ERN589899 FBJ589899 FLF589899 FVB589899 GEX589899 GOT589899 GYP589899 HIL589899 HSH589899 ICD589899 ILZ589899 IVV589899 JFR589899 JPN589899 JZJ589899 KJF589899 KTB589899 LCX589899 LMT589899 LWP589899 MGL589899 MQH589899 NAD589899 NJZ589899 NTV589899 ODR589899 ONN589899 OXJ589899 PHF589899 PRB589899 QAX589899 QKT589899 QUP589899 REL589899 ROH589899 RYD589899 SHZ589899 SRV589899 TBR589899 TLN589899 TVJ589899 UFF589899 UPB589899 UYX589899 VIT589899 VSP589899 WCL589899 WMH589899 WWD589899 V655435 JR655435 TN655435 ADJ655435 ANF655435 AXB655435 BGX655435 BQT655435 CAP655435 CKL655435 CUH655435 DED655435 DNZ655435 DXV655435 EHR655435 ERN655435 FBJ655435 FLF655435 FVB655435 GEX655435 GOT655435 GYP655435 HIL655435 HSH655435 ICD655435 ILZ655435 IVV655435 JFR655435 JPN655435 JZJ655435 KJF655435 KTB655435 LCX655435 LMT655435 LWP655435 MGL655435 MQH655435 NAD655435 NJZ655435 NTV655435 ODR655435 ONN655435 OXJ655435 PHF655435 PRB655435 QAX655435 QKT655435 QUP655435 REL655435 ROH655435 RYD655435 SHZ655435 SRV655435 TBR655435 TLN655435 TVJ655435 UFF655435 UPB655435 UYX655435 VIT655435 VSP655435 WCL655435 WMH655435 WWD655435 V720971 JR720971 TN720971 ADJ720971 ANF720971 AXB720971 BGX720971 BQT720971 CAP720971 CKL720971 CUH720971 DED720971 DNZ720971 DXV720971 EHR720971 ERN720971 FBJ720971 FLF720971 FVB720971 GEX720971 GOT720971 GYP720971 HIL720971 HSH720971 ICD720971 ILZ720971 IVV720971 JFR720971 JPN720971 JZJ720971 KJF720971 KTB720971 LCX720971 LMT720971 LWP720971 MGL720971 MQH720971 NAD720971 NJZ720971 NTV720971 ODR720971 ONN720971 OXJ720971 PHF720971 PRB720971 QAX720971 QKT720971 QUP720971 REL720971 ROH720971 RYD720971 SHZ720971 SRV720971 TBR720971 TLN720971 TVJ720971 UFF720971 UPB720971 UYX720971 VIT720971 VSP720971 WCL720971 WMH720971 WWD720971 V786507 JR786507 TN786507 ADJ786507 ANF786507 AXB786507 BGX786507 BQT786507 CAP786507 CKL786507 CUH786507 DED786507 DNZ786507 DXV786507 EHR786507 ERN786507 FBJ786507 FLF786507 FVB786507 GEX786507 GOT786507 GYP786507 HIL786507 HSH786507 ICD786507 ILZ786507 IVV786507 JFR786507 JPN786507 JZJ786507 KJF786507 KTB786507 LCX786507 LMT786507 LWP786507 MGL786507 MQH786507 NAD786507 NJZ786507 NTV786507 ODR786507 ONN786507 OXJ786507 PHF786507 PRB786507 QAX786507 QKT786507 QUP786507 REL786507 ROH786507 RYD786507 SHZ786507 SRV786507 TBR786507 TLN786507 TVJ786507 UFF786507 UPB786507 UYX786507 VIT786507 VSP786507 WCL786507 WMH786507 WWD786507 V852043 JR852043 TN852043 ADJ852043 ANF852043 AXB852043 BGX852043 BQT852043 CAP852043 CKL852043 CUH852043 DED852043 DNZ852043 DXV852043 EHR852043 ERN852043 FBJ852043 FLF852043 FVB852043 GEX852043 GOT852043 GYP852043 HIL852043 HSH852043 ICD852043 ILZ852043 IVV852043 JFR852043 JPN852043 JZJ852043 KJF852043 KTB852043 LCX852043 LMT852043 LWP852043 MGL852043 MQH852043 NAD852043 NJZ852043 NTV852043 ODR852043 ONN852043 OXJ852043 PHF852043 PRB852043 QAX852043 QKT852043 QUP852043 REL852043 ROH852043 RYD852043 SHZ852043 SRV852043 TBR852043 TLN852043 TVJ852043 UFF852043 UPB852043 UYX852043 VIT852043 VSP852043 WCL852043 WMH852043 WWD852043 V917579 JR917579 TN917579 ADJ917579 ANF917579 AXB917579 BGX917579 BQT917579 CAP917579 CKL917579 CUH917579 DED917579 DNZ917579 DXV917579 EHR917579 ERN917579 FBJ917579 FLF917579 FVB917579 GEX917579 GOT917579 GYP917579 HIL917579 HSH917579 ICD917579 ILZ917579 IVV917579 JFR917579 JPN917579 JZJ917579 KJF917579 KTB917579 LCX917579 LMT917579 LWP917579 MGL917579 MQH917579 NAD917579 NJZ917579 NTV917579 ODR917579 ONN917579 OXJ917579 PHF917579 PRB917579 QAX917579 QKT917579 QUP917579 REL917579 ROH917579 RYD917579 SHZ917579 SRV917579 TBR917579 TLN917579 TVJ917579 UFF917579 UPB917579 UYX917579 VIT917579 VSP917579 WCL917579 WMH917579 WWD917579 V983115 JR983115 TN983115 ADJ983115 ANF983115 AXB983115 BGX983115 BQT983115 CAP983115 CKL983115 CUH983115 DED983115 DNZ983115 DXV983115 EHR983115 ERN983115 FBJ983115 FLF983115 FVB983115 GEX983115 GOT983115 GYP983115 HIL983115 HSH983115 ICD983115 ILZ983115 IVV983115 JFR983115 JPN983115 JZJ983115 KJF983115 KTB983115 LCX983115 LMT983115 LWP983115 MGL983115 MQH983115 NAD983115 NJZ983115 NTV983115 ODR983115 ONN983115 OXJ983115 PHF983115 PRB983115 QAX983115 QKT983115 QUP983115 REL983115 ROH983115 RYD983115 SHZ983115 SRV983115 TBR983115 TLN983115 TVJ983115 UFF983115 UPB983115 UYX983115 VIT983115 VSP983115 WCL983115 WMH983115 WWD983115 X75 JT75 TP75 ADL75 ANH75 AXD75 BGZ75 BQV75 CAR75 CKN75 CUJ75 DEF75 DOB75 DXX75 EHT75 ERP75 FBL75 FLH75 FVD75 GEZ75 GOV75 GYR75 HIN75 HSJ75 ICF75 IMB75 IVX75 JFT75 JPP75 JZL75 KJH75 KTD75 LCZ75 LMV75 LWR75 MGN75 MQJ75 NAF75 NKB75 NTX75 ODT75 ONP75 OXL75 PHH75 PRD75 QAZ75 QKV75 QUR75 REN75 ROJ75 RYF75 SIB75 SRX75 TBT75 TLP75 TVL75 UFH75 UPD75 UYZ75 VIV75 VSR75 WCN75 WMJ75 WWF75 X65611 JT65611 TP65611 ADL65611 ANH65611 AXD65611 BGZ65611 BQV65611 CAR65611 CKN65611 CUJ65611 DEF65611 DOB65611 DXX65611 EHT65611 ERP65611 FBL65611 FLH65611 FVD65611 GEZ65611 GOV65611 GYR65611 HIN65611 HSJ65611 ICF65611 IMB65611 IVX65611 JFT65611 JPP65611 JZL65611 KJH65611 KTD65611 LCZ65611 LMV65611 LWR65611 MGN65611 MQJ65611 NAF65611 NKB65611 NTX65611 ODT65611 ONP65611 OXL65611 PHH65611 PRD65611 QAZ65611 QKV65611 QUR65611 REN65611 ROJ65611 RYF65611 SIB65611 SRX65611 TBT65611 TLP65611 TVL65611 UFH65611 UPD65611 UYZ65611 VIV65611 VSR65611 WCN65611 WMJ65611 WWF65611 X131147 JT131147 TP131147 ADL131147 ANH131147 AXD131147 BGZ131147 BQV131147 CAR131147 CKN131147 CUJ131147 DEF131147 DOB131147 DXX131147 EHT131147 ERP131147 FBL131147 FLH131147 FVD131147 GEZ131147 GOV131147 GYR131147 HIN131147 HSJ131147 ICF131147 IMB131147 IVX131147 JFT131147 JPP131147 JZL131147 KJH131147 KTD131147 LCZ131147 LMV131147 LWR131147 MGN131147 MQJ131147 NAF131147 NKB131147 NTX131147 ODT131147 ONP131147 OXL131147 PHH131147 PRD131147 QAZ131147 QKV131147 QUR131147 REN131147 ROJ131147 RYF131147 SIB131147 SRX131147 TBT131147 TLP131147 TVL131147 UFH131147 UPD131147 UYZ131147 VIV131147 VSR131147 WCN131147 WMJ131147 WWF131147 X196683 JT196683 TP196683 ADL196683 ANH196683 AXD196683 BGZ196683 BQV196683 CAR196683 CKN196683 CUJ196683 DEF196683 DOB196683 DXX196683 EHT196683 ERP196683 FBL196683 FLH196683 FVD196683 GEZ196683 GOV196683 GYR196683 HIN196683 HSJ196683 ICF196683 IMB196683 IVX196683 JFT196683 JPP196683 JZL196683 KJH196683 KTD196683 LCZ196683 LMV196683 LWR196683 MGN196683 MQJ196683 NAF196683 NKB196683 NTX196683 ODT196683 ONP196683 OXL196683 PHH196683 PRD196683 QAZ196683 QKV196683 QUR196683 REN196683 ROJ196683 RYF196683 SIB196683 SRX196683 TBT196683 TLP196683 TVL196683 UFH196683 UPD196683 UYZ196683 VIV196683 VSR196683 WCN196683 WMJ196683 WWF196683 X262219 JT262219 TP262219 ADL262219 ANH262219 AXD262219 BGZ262219 BQV262219 CAR262219 CKN262219 CUJ262219 DEF262219 DOB262219 DXX262219 EHT262219 ERP262219 FBL262219 FLH262219 FVD262219 GEZ262219 GOV262219 GYR262219 HIN262219 HSJ262219 ICF262219 IMB262219 IVX262219 JFT262219 JPP262219 JZL262219 KJH262219 KTD262219 LCZ262219 LMV262219 LWR262219 MGN262219 MQJ262219 NAF262219 NKB262219 NTX262219 ODT262219 ONP262219 OXL262219 PHH262219 PRD262219 QAZ262219 QKV262219 QUR262219 REN262219 ROJ262219 RYF262219 SIB262219 SRX262219 TBT262219 TLP262219 TVL262219 UFH262219 UPD262219 UYZ262219 VIV262219 VSR262219 WCN262219 WMJ262219 WWF262219 X327755 JT327755 TP327755 ADL327755 ANH327755 AXD327755 BGZ327755 BQV327755 CAR327755 CKN327755 CUJ327755 DEF327755 DOB327755 DXX327755 EHT327755 ERP327755 FBL327755 FLH327755 FVD327755 GEZ327755 GOV327755 GYR327755 HIN327755 HSJ327755 ICF327755 IMB327755 IVX327755 JFT327755 JPP327755 JZL327755 KJH327755 KTD327755 LCZ327755 LMV327755 LWR327755 MGN327755 MQJ327755 NAF327755 NKB327755 NTX327755 ODT327755 ONP327755 OXL327755 PHH327755 PRD327755 QAZ327755 QKV327755 QUR327755 REN327755 ROJ327755 RYF327755 SIB327755 SRX327755 TBT327755 TLP327755 TVL327755 UFH327755 UPD327755 UYZ327755 VIV327755 VSR327755 WCN327755 WMJ327755 WWF327755 X393291 JT393291 TP393291 ADL393291 ANH393291 AXD393291 BGZ393291 BQV393291 CAR393291 CKN393291 CUJ393291 DEF393291 DOB393291 DXX393291 EHT393291 ERP393291 FBL393291 FLH393291 FVD393291 GEZ393291 GOV393291 GYR393291 HIN393291 HSJ393291 ICF393291 IMB393291 IVX393291 JFT393291 JPP393291 JZL393291 KJH393291 KTD393291 LCZ393291 LMV393291 LWR393291 MGN393291 MQJ393291 NAF393291 NKB393291 NTX393291 ODT393291 ONP393291 OXL393291 PHH393291 PRD393291 QAZ393291 QKV393291 QUR393291 REN393291 ROJ393291 RYF393291 SIB393291 SRX393291 TBT393291 TLP393291 TVL393291 UFH393291 UPD393291 UYZ393291 VIV393291 VSR393291 WCN393291 WMJ393291 WWF393291 X458827 JT458827 TP458827 ADL458827 ANH458827 AXD458827 BGZ458827 BQV458827 CAR458827 CKN458827 CUJ458827 DEF458827 DOB458827 DXX458827 EHT458827 ERP458827 FBL458827 FLH458827 FVD458827 GEZ458827 GOV458827 GYR458827 HIN458827 HSJ458827 ICF458827 IMB458827 IVX458827 JFT458827 JPP458827 JZL458827 KJH458827 KTD458827 LCZ458827 LMV458827 LWR458827 MGN458827 MQJ458827 NAF458827 NKB458827 NTX458827 ODT458827 ONP458827 OXL458827 PHH458827 PRD458827 QAZ458827 QKV458827 QUR458827 REN458827 ROJ458827 RYF458827 SIB458827 SRX458827 TBT458827 TLP458827 TVL458827 UFH458827 UPD458827 UYZ458827 VIV458827 VSR458827 WCN458827 WMJ458827 WWF458827 X524363 JT524363 TP524363 ADL524363 ANH524363 AXD524363 BGZ524363 BQV524363 CAR524363 CKN524363 CUJ524363 DEF524363 DOB524363 DXX524363 EHT524363 ERP524363 FBL524363 FLH524363 FVD524363 GEZ524363 GOV524363 GYR524363 HIN524363 HSJ524363 ICF524363 IMB524363 IVX524363 JFT524363 JPP524363 JZL524363 KJH524363 KTD524363 LCZ524363 LMV524363 LWR524363 MGN524363 MQJ524363 NAF524363 NKB524363 NTX524363 ODT524363 ONP524363 OXL524363 PHH524363 PRD524363 QAZ524363 QKV524363 QUR524363 REN524363 ROJ524363 RYF524363 SIB524363 SRX524363 TBT524363 TLP524363 TVL524363 UFH524363 UPD524363 UYZ524363 VIV524363 VSR524363 WCN524363 WMJ524363 WWF524363 X589899 JT589899 TP589899 ADL589899 ANH589899 AXD589899 BGZ589899 BQV589899 CAR589899 CKN589899 CUJ589899 DEF589899 DOB589899 DXX589899 EHT589899 ERP589899 FBL589899 FLH589899 FVD589899 GEZ589899 GOV589899 GYR589899 HIN589899 HSJ589899 ICF589899 IMB589899 IVX589899 JFT589899 JPP589899 JZL589899 KJH589899 KTD589899 LCZ589899 LMV589899 LWR589899 MGN589899 MQJ589899 NAF589899 NKB589899 NTX589899 ODT589899 ONP589899 OXL589899 PHH589899 PRD589899 QAZ589899 QKV589899 QUR589899 REN589899 ROJ589899 RYF589899 SIB589899 SRX589899 TBT589899 TLP589899 TVL589899 UFH589899 UPD589899 UYZ589899 VIV589899 VSR589899 WCN589899 WMJ589899 WWF589899 X655435 JT655435 TP655435 ADL655435 ANH655435 AXD655435 BGZ655435 BQV655435 CAR655435 CKN655435 CUJ655435 DEF655435 DOB655435 DXX655435 EHT655435 ERP655435 FBL655435 FLH655435 FVD655435 GEZ655435 GOV655435 GYR655435 HIN655435 HSJ655435 ICF655435 IMB655435 IVX655435 JFT655435 JPP655435 JZL655435 KJH655435 KTD655435 LCZ655435 LMV655435 LWR655435 MGN655435 MQJ655435 NAF655435 NKB655435 NTX655435 ODT655435 ONP655435 OXL655435 PHH655435 PRD655435 QAZ655435 QKV655435 QUR655435 REN655435 ROJ655435 RYF655435 SIB655435 SRX655435 TBT655435 TLP655435 TVL655435 UFH655435 UPD655435 UYZ655435 VIV655435 VSR655435 WCN655435 WMJ655435 WWF655435 X720971 JT720971 TP720971 ADL720971 ANH720971 AXD720971 BGZ720971 BQV720971 CAR720971 CKN720971 CUJ720971 DEF720971 DOB720971 DXX720971 EHT720971 ERP720971 FBL720971 FLH720971 FVD720971 GEZ720971 GOV720971 GYR720971 HIN720971 HSJ720971 ICF720971 IMB720971 IVX720971 JFT720971 JPP720971 JZL720971 KJH720971 KTD720971 LCZ720971 LMV720971 LWR720971 MGN720971 MQJ720971 NAF720971 NKB720971 NTX720971 ODT720971 ONP720971 OXL720971 PHH720971 PRD720971 QAZ720971 QKV720971 QUR720971 REN720971 ROJ720971 RYF720971 SIB720971 SRX720971 TBT720971 TLP720971 TVL720971 UFH720971 UPD720971 UYZ720971 VIV720971 VSR720971 WCN720971 WMJ720971 WWF720971 X786507 JT786507 TP786507 ADL786507 ANH786507 AXD786507 BGZ786507 BQV786507 CAR786507 CKN786507 CUJ786507 DEF786507 DOB786507 DXX786507 EHT786507 ERP786507 FBL786507 FLH786507 FVD786507 GEZ786507 GOV786507 GYR786507 HIN786507 HSJ786507 ICF786507 IMB786507 IVX786507 JFT786507 JPP786507 JZL786507 KJH786507 KTD786507 LCZ786507 LMV786507 LWR786507 MGN786507 MQJ786507 NAF786507 NKB786507 NTX786507 ODT786507 ONP786507 OXL786507 PHH786507 PRD786507 QAZ786507 QKV786507 QUR786507 REN786507 ROJ786507 RYF786507 SIB786507 SRX786507 TBT786507 TLP786507 TVL786507 UFH786507 UPD786507 UYZ786507 VIV786507 VSR786507 WCN786507 WMJ786507 WWF786507 X852043 JT852043 TP852043 ADL852043 ANH852043 AXD852043 BGZ852043 BQV852043 CAR852043 CKN852043 CUJ852043 DEF852043 DOB852043 DXX852043 EHT852043 ERP852043 FBL852043 FLH852043 FVD852043 GEZ852043 GOV852043 GYR852043 HIN852043 HSJ852043 ICF852043 IMB852043 IVX852043 JFT852043 JPP852043 JZL852043 KJH852043 KTD852043 LCZ852043 LMV852043 LWR852043 MGN852043 MQJ852043 NAF852043 NKB852043 NTX852043 ODT852043 ONP852043 OXL852043 PHH852043 PRD852043 QAZ852043 QKV852043 QUR852043 REN852043 ROJ852043 RYF852043 SIB852043 SRX852043 TBT852043 TLP852043 TVL852043 UFH852043 UPD852043 UYZ852043 VIV852043 VSR852043 WCN852043 WMJ852043 WWF852043 X917579 JT917579 TP917579 ADL917579 ANH917579 AXD917579 BGZ917579 BQV917579 CAR917579 CKN917579 CUJ917579 DEF917579 DOB917579 DXX917579 EHT917579 ERP917579 FBL917579 FLH917579 FVD917579 GEZ917579 GOV917579 GYR917579 HIN917579 HSJ917579 ICF917579 IMB917579 IVX917579 JFT917579 JPP917579 JZL917579 KJH917579 KTD917579 LCZ917579 LMV917579 LWR917579 MGN917579 MQJ917579 NAF917579 NKB917579 NTX917579 ODT917579 ONP917579 OXL917579 PHH917579 PRD917579 QAZ917579 QKV917579 QUR917579 REN917579 ROJ917579 RYF917579 SIB917579 SRX917579 TBT917579 TLP917579 TVL917579 UFH917579 UPD917579 UYZ917579 VIV917579 VSR917579 WCN917579 WMJ917579 WWF917579 X983115 JT983115 TP983115 ADL983115 ANH983115 AXD983115 BGZ983115 BQV983115 CAR983115 CKN983115 CUJ983115 DEF983115 DOB983115 DXX983115 EHT983115 ERP983115 FBL983115 FLH983115 FVD983115 GEZ983115 GOV983115 GYR983115 HIN983115 HSJ983115 ICF983115 IMB983115 IVX983115 JFT983115 JPP983115 JZL983115 KJH983115 KTD983115 LCZ983115 LMV983115 LWR983115 MGN983115 MQJ983115 NAF983115 NKB983115 NTX983115 ODT983115 ONP983115 OXL983115 PHH983115 PRD983115 QAZ983115 QKV983115 QUR983115 REN983115 ROJ983115 RYF983115 SIB983115 SRX983115 TBT983115 TLP983115 TVL983115 UFH983115 UPD983115 UYZ983115 VIV983115 VSR983115 WCN983115 WMJ983115 WWF983115 X77 JT77 TP77 ADL77 ANH77 AXD77 BGZ77 BQV77 CAR77 CKN77 CUJ77 DEF77 DOB77 DXX77 EHT77 ERP77 FBL77 FLH77 FVD77 GEZ77 GOV77 GYR77 HIN77 HSJ77 ICF77 IMB77 IVX77 JFT77 JPP77 JZL77 KJH77 KTD77 LCZ77 LMV77 LWR77 MGN77 MQJ77 NAF77 NKB77 NTX77 ODT77 ONP77 OXL77 PHH77 PRD77 QAZ77 QKV77 QUR77 REN77 ROJ77 RYF77 SIB77 SRX77 TBT77 TLP77 TVL77 UFH77 UPD77 UYZ77 VIV77 VSR77 WCN77 WMJ77 WWF77 X65613 JT65613 TP65613 ADL65613 ANH65613 AXD65613 BGZ65613 BQV65613 CAR65613 CKN65613 CUJ65613 DEF65613 DOB65613 DXX65613 EHT65613 ERP65613 FBL65613 FLH65613 FVD65613 GEZ65613 GOV65613 GYR65613 HIN65613 HSJ65613 ICF65613 IMB65613 IVX65613 JFT65613 JPP65613 JZL65613 KJH65613 KTD65613 LCZ65613 LMV65613 LWR65613 MGN65613 MQJ65613 NAF65613 NKB65613 NTX65613 ODT65613 ONP65613 OXL65613 PHH65613 PRD65613 QAZ65613 QKV65613 QUR65613 REN65613 ROJ65613 RYF65613 SIB65613 SRX65613 TBT65613 TLP65613 TVL65613 UFH65613 UPD65613 UYZ65613 VIV65613 VSR65613 WCN65613 WMJ65613 WWF65613 X131149 JT131149 TP131149 ADL131149 ANH131149 AXD131149 BGZ131149 BQV131149 CAR131149 CKN131149 CUJ131149 DEF131149 DOB131149 DXX131149 EHT131149 ERP131149 FBL131149 FLH131149 FVD131149 GEZ131149 GOV131149 GYR131149 HIN131149 HSJ131149 ICF131149 IMB131149 IVX131149 JFT131149 JPP131149 JZL131149 KJH131149 KTD131149 LCZ131149 LMV131149 LWR131149 MGN131149 MQJ131149 NAF131149 NKB131149 NTX131149 ODT131149 ONP131149 OXL131149 PHH131149 PRD131149 QAZ131149 QKV131149 QUR131149 REN131149 ROJ131149 RYF131149 SIB131149 SRX131149 TBT131149 TLP131149 TVL131149 UFH131149 UPD131149 UYZ131149 VIV131149 VSR131149 WCN131149 WMJ131149 WWF131149 X196685 JT196685 TP196685 ADL196685 ANH196685 AXD196685 BGZ196685 BQV196685 CAR196685 CKN196685 CUJ196685 DEF196685 DOB196685 DXX196685 EHT196685 ERP196685 FBL196685 FLH196685 FVD196685 GEZ196685 GOV196685 GYR196685 HIN196685 HSJ196685 ICF196685 IMB196685 IVX196685 JFT196685 JPP196685 JZL196685 KJH196685 KTD196685 LCZ196685 LMV196685 LWR196685 MGN196685 MQJ196685 NAF196685 NKB196685 NTX196685 ODT196685 ONP196685 OXL196685 PHH196685 PRD196685 QAZ196685 QKV196685 QUR196685 REN196685 ROJ196685 RYF196685 SIB196685 SRX196685 TBT196685 TLP196685 TVL196685 UFH196685 UPD196685 UYZ196685 VIV196685 VSR196685 WCN196685 WMJ196685 WWF196685 X262221 JT262221 TP262221 ADL262221 ANH262221 AXD262221 BGZ262221 BQV262221 CAR262221 CKN262221 CUJ262221 DEF262221 DOB262221 DXX262221 EHT262221 ERP262221 FBL262221 FLH262221 FVD262221 GEZ262221 GOV262221 GYR262221 HIN262221 HSJ262221 ICF262221 IMB262221 IVX262221 JFT262221 JPP262221 JZL262221 KJH262221 KTD262221 LCZ262221 LMV262221 LWR262221 MGN262221 MQJ262221 NAF262221 NKB262221 NTX262221 ODT262221 ONP262221 OXL262221 PHH262221 PRD262221 QAZ262221 QKV262221 QUR262221 REN262221 ROJ262221 RYF262221 SIB262221 SRX262221 TBT262221 TLP262221 TVL262221 UFH262221 UPD262221 UYZ262221 VIV262221 VSR262221 WCN262221 WMJ262221 WWF262221 X327757 JT327757 TP327757 ADL327757 ANH327757 AXD327757 BGZ327757 BQV327757 CAR327757 CKN327757 CUJ327757 DEF327757 DOB327757 DXX327757 EHT327757 ERP327757 FBL327757 FLH327757 FVD327757 GEZ327757 GOV327757 GYR327757 HIN327757 HSJ327757 ICF327757 IMB327757 IVX327757 JFT327757 JPP327757 JZL327757 KJH327757 KTD327757 LCZ327757 LMV327757 LWR327757 MGN327757 MQJ327757 NAF327757 NKB327757 NTX327757 ODT327757 ONP327757 OXL327757 PHH327757 PRD327757 QAZ327757 QKV327757 QUR327757 REN327757 ROJ327757 RYF327757 SIB327757 SRX327757 TBT327757 TLP327757 TVL327757 UFH327757 UPD327757 UYZ327757 VIV327757 VSR327757 WCN327757 WMJ327757 WWF327757 X393293 JT393293 TP393293 ADL393293 ANH393293 AXD393293 BGZ393293 BQV393293 CAR393293 CKN393293 CUJ393293 DEF393293 DOB393293 DXX393293 EHT393293 ERP393293 FBL393293 FLH393293 FVD393293 GEZ393293 GOV393293 GYR393293 HIN393293 HSJ393293 ICF393293 IMB393293 IVX393293 JFT393293 JPP393293 JZL393293 KJH393293 KTD393293 LCZ393293 LMV393293 LWR393293 MGN393293 MQJ393293 NAF393293 NKB393293 NTX393293 ODT393293 ONP393293 OXL393293 PHH393293 PRD393293 QAZ393293 QKV393293 QUR393293 REN393293 ROJ393293 RYF393293 SIB393293 SRX393293 TBT393293 TLP393293 TVL393293 UFH393293 UPD393293 UYZ393293 VIV393293 VSR393293 WCN393293 WMJ393293 WWF393293 X458829 JT458829 TP458829 ADL458829 ANH458829 AXD458829 BGZ458829 BQV458829 CAR458829 CKN458829 CUJ458829 DEF458829 DOB458829 DXX458829 EHT458829 ERP458829 FBL458829 FLH458829 FVD458829 GEZ458829 GOV458829 GYR458829 HIN458829 HSJ458829 ICF458829 IMB458829 IVX458829 JFT458829 JPP458829 JZL458829 KJH458829 KTD458829 LCZ458829 LMV458829 LWR458829 MGN458829 MQJ458829 NAF458829 NKB458829 NTX458829 ODT458829 ONP458829 OXL458829 PHH458829 PRD458829 QAZ458829 QKV458829 QUR458829 REN458829 ROJ458829 RYF458829 SIB458829 SRX458829 TBT458829 TLP458829 TVL458829 UFH458829 UPD458829 UYZ458829 VIV458829 VSR458829 WCN458829 WMJ458829 WWF458829 X524365 JT524365 TP524365 ADL524365 ANH524365 AXD524365 BGZ524365 BQV524365 CAR524365 CKN524365 CUJ524365 DEF524365 DOB524365 DXX524365 EHT524365 ERP524365 FBL524365 FLH524365 FVD524365 GEZ524365 GOV524365 GYR524365 HIN524365 HSJ524365 ICF524365 IMB524365 IVX524365 JFT524365 JPP524365 JZL524365 KJH524365 KTD524365 LCZ524365 LMV524365 LWR524365 MGN524365 MQJ524365 NAF524365 NKB524365 NTX524365 ODT524365 ONP524365 OXL524365 PHH524365 PRD524365 QAZ524365 QKV524365 QUR524365 REN524365 ROJ524365 RYF524365 SIB524365 SRX524365 TBT524365 TLP524365 TVL524365 UFH524365 UPD524365 UYZ524365 VIV524365 VSR524365 WCN524365 WMJ524365 WWF524365 X589901 JT589901 TP589901 ADL589901 ANH589901 AXD589901 BGZ589901 BQV589901 CAR589901 CKN589901 CUJ589901 DEF589901 DOB589901 DXX589901 EHT589901 ERP589901 FBL589901 FLH589901 FVD589901 GEZ589901 GOV589901 GYR589901 HIN589901 HSJ589901 ICF589901 IMB589901 IVX589901 JFT589901 JPP589901 JZL589901 KJH589901 KTD589901 LCZ589901 LMV589901 LWR589901 MGN589901 MQJ589901 NAF589901 NKB589901 NTX589901 ODT589901 ONP589901 OXL589901 PHH589901 PRD589901 QAZ589901 QKV589901 QUR589901 REN589901 ROJ589901 RYF589901 SIB589901 SRX589901 TBT589901 TLP589901 TVL589901 UFH589901 UPD589901 UYZ589901 VIV589901 VSR589901 WCN589901 WMJ589901 WWF589901 X655437 JT655437 TP655437 ADL655437 ANH655437 AXD655437 BGZ655437 BQV655437 CAR655437 CKN655437 CUJ655437 DEF655437 DOB655437 DXX655437 EHT655437 ERP655437 FBL655437 FLH655437 FVD655437 GEZ655437 GOV655437 GYR655437 HIN655437 HSJ655437 ICF655437 IMB655437 IVX655437 JFT655437 JPP655437 JZL655437 KJH655437 KTD655437 LCZ655437 LMV655437 LWR655437 MGN655437 MQJ655437 NAF655437 NKB655437 NTX655437 ODT655437 ONP655437 OXL655437 PHH655437 PRD655437 QAZ655437 QKV655437 QUR655437 REN655437 ROJ655437 RYF655437 SIB655437 SRX655437 TBT655437 TLP655437 TVL655437 UFH655437 UPD655437 UYZ655437 VIV655437 VSR655437 WCN655437 WMJ655437 WWF655437 X720973 JT720973 TP720973 ADL720973 ANH720973 AXD720973 BGZ720973 BQV720973 CAR720973 CKN720973 CUJ720973 DEF720973 DOB720973 DXX720973 EHT720973 ERP720973 FBL720973 FLH720973 FVD720973 GEZ720973 GOV720973 GYR720973 HIN720973 HSJ720973 ICF720973 IMB720973 IVX720973 JFT720973 JPP720973 JZL720973 KJH720973 KTD720973 LCZ720973 LMV720973 LWR720973 MGN720973 MQJ720973 NAF720973 NKB720973 NTX720973 ODT720973 ONP720973 OXL720973 PHH720973 PRD720973 QAZ720973 QKV720973 QUR720973 REN720973 ROJ720973 RYF720973 SIB720973 SRX720973 TBT720973 TLP720973 TVL720973 UFH720973 UPD720973 UYZ720973 VIV720973 VSR720973 WCN720973 WMJ720973 WWF720973 X786509 JT786509 TP786509 ADL786509 ANH786509 AXD786509 BGZ786509 BQV786509 CAR786509 CKN786509 CUJ786509 DEF786509 DOB786509 DXX786509 EHT786509 ERP786509 FBL786509 FLH786509 FVD786509 GEZ786509 GOV786509 GYR786509 HIN786509 HSJ786509 ICF786509 IMB786509 IVX786509 JFT786509 JPP786509 JZL786509 KJH786509 KTD786509 LCZ786509 LMV786509 LWR786509 MGN786509 MQJ786509 NAF786509 NKB786509 NTX786509 ODT786509 ONP786509 OXL786509 PHH786509 PRD786509 QAZ786509 QKV786509 QUR786509 REN786509 ROJ786509 RYF786509 SIB786509 SRX786509 TBT786509 TLP786509 TVL786509 UFH786509 UPD786509 UYZ786509 VIV786509 VSR786509 WCN786509 WMJ786509 WWF786509 X852045 JT852045 TP852045 ADL852045 ANH852045 AXD852045 BGZ852045 BQV852045 CAR852045 CKN852045 CUJ852045 DEF852045 DOB852045 DXX852045 EHT852045 ERP852045 FBL852045 FLH852045 FVD852045 GEZ852045 GOV852045 GYR852045 HIN852045 HSJ852045 ICF852045 IMB852045 IVX852045 JFT852045 JPP852045 JZL852045 KJH852045 KTD852045 LCZ852045 LMV852045 LWR852045 MGN852045 MQJ852045 NAF852045 NKB852045 NTX852045 ODT852045 ONP852045 OXL852045 PHH852045 PRD852045 QAZ852045 QKV852045 QUR852045 REN852045 ROJ852045 RYF852045 SIB852045 SRX852045 TBT852045 TLP852045 TVL852045 UFH852045 UPD852045 UYZ852045 VIV852045 VSR852045 WCN852045 WMJ852045 WWF852045 X917581 JT917581 TP917581 ADL917581 ANH917581 AXD917581 BGZ917581 BQV917581 CAR917581 CKN917581 CUJ917581 DEF917581 DOB917581 DXX917581 EHT917581 ERP917581 FBL917581 FLH917581 FVD917581 GEZ917581 GOV917581 GYR917581 HIN917581 HSJ917581 ICF917581 IMB917581 IVX917581 JFT917581 JPP917581 JZL917581 KJH917581 KTD917581 LCZ917581 LMV917581 LWR917581 MGN917581 MQJ917581 NAF917581 NKB917581 NTX917581 ODT917581 ONP917581 OXL917581 PHH917581 PRD917581 QAZ917581 QKV917581 QUR917581 REN917581 ROJ917581 RYF917581 SIB917581 SRX917581 TBT917581 TLP917581 TVL917581 UFH917581 UPD917581 UYZ917581 VIV917581 VSR917581 WCN917581 WMJ917581 WWF917581 X983117 JT983117 TP983117 ADL983117 ANH983117 AXD983117 BGZ983117 BQV983117 CAR983117 CKN983117 CUJ983117 DEF983117 DOB983117 DXX983117 EHT983117 ERP983117 FBL983117 FLH983117 FVD983117 GEZ983117 GOV983117 GYR983117 HIN983117 HSJ983117 ICF983117 IMB983117 IVX983117 JFT983117 JPP983117 JZL983117 KJH983117 KTD983117 LCZ983117 LMV983117 LWR983117 MGN983117 MQJ983117 NAF983117 NKB983117 NTX983117 ODT983117 ONP983117 OXL983117 PHH983117 PRD983117 QAZ983117 QKV983117 QUR983117 REN983117 ROJ983117 RYF983117 SIB983117 SRX983117 TBT983117 TLP983117 TVL983117 UFH983117 UPD983117 UYZ983117 VIV983117 VSR983117 WCN983117 WMJ983117 WWF983117 V77 JR77 TN77 ADJ77 ANF77 AXB77 BGX77 BQT77 CAP77 CKL77 CUH77 DED77 DNZ77 DXV77 EHR77 ERN77 FBJ77 FLF77 FVB77 GEX77 GOT77 GYP77 HIL77 HSH77 ICD77 ILZ77 IVV77 JFR77 JPN77 JZJ77 KJF77 KTB77 LCX77 LMT77 LWP77 MGL77 MQH77 NAD77 NJZ77 NTV77 ODR77 ONN77 OXJ77 PHF77 PRB77 QAX77 QKT77 QUP77 REL77 ROH77 RYD77 SHZ77 SRV77 TBR77 TLN77 TVJ77 UFF77 UPB77 UYX77 VIT77 VSP77 WCL77 WMH77 WWD77 V65613 JR65613 TN65613 ADJ65613 ANF65613 AXB65613 BGX65613 BQT65613 CAP65613 CKL65613 CUH65613 DED65613 DNZ65613 DXV65613 EHR65613 ERN65613 FBJ65613 FLF65613 FVB65613 GEX65613 GOT65613 GYP65613 HIL65613 HSH65613 ICD65613 ILZ65613 IVV65613 JFR65613 JPN65613 JZJ65613 KJF65613 KTB65613 LCX65613 LMT65613 LWP65613 MGL65613 MQH65613 NAD65613 NJZ65613 NTV65613 ODR65613 ONN65613 OXJ65613 PHF65613 PRB65613 QAX65613 QKT65613 QUP65613 REL65613 ROH65613 RYD65613 SHZ65613 SRV65613 TBR65613 TLN65613 TVJ65613 UFF65613 UPB65613 UYX65613 VIT65613 VSP65613 WCL65613 WMH65613 WWD65613 V131149 JR131149 TN131149 ADJ131149 ANF131149 AXB131149 BGX131149 BQT131149 CAP131149 CKL131149 CUH131149 DED131149 DNZ131149 DXV131149 EHR131149 ERN131149 FBJ131149 FLF131149 FVB131149 GEX131149 GOT131149 GYP131149 HIL131149 HSH131149 ICD131149 ILZ131149 IVV131149 JFR131149 JPN131149 JZJ131149 KJF131149 KTB131149 LCX131149 LMT131149 LWP131149 MGL131149 MQH131149 NAD131149 NJZ131149 NTV131149 ODR131149 ONN131149 OXJ131149 PHF131149 PRB131149 QAX131149 QKT131149 QUP131149 REL131149 ROH131149 RYD131149 SHZ131149 SRV131149 TBR131149 TLN131149 TVJ131149 UFF131149 UPB131149 UYX131149 VIT131149 VSP131149 WCL131149 WMH131149 WWD131149 V196685 JR196685 TN196685 ADJ196685 ANF196685 AXB196685 BGX196685 BQT196685 CAP196685 CKL196685 CUH196685 DED196685 DNZ196685 DXV196685 EHR196685 ERN196685 FBJ196685 FLF196685 FVB196685 GEX196685 GOT196685 GYP196685 HIL196685 HSH196685 ICD196685 ILZ196685 IVV196685 JFR196685 JPN196685 JZJ196685 KJF196685 KTB196685 LCX196685 LMT196685 LWP196685 MGL196685 MQH196685 NAD196685 NJZ196685 NTV196685 ODR196685 ONN196685 OXJ196685 PHF196685 PRB196685 QAX196685 QKT196685 QUP196685 REL196685 ROH196685 RYD196685 SHZ196685 SRV196685 TBR196685 TLN196685 TVJ196685 UFF196685 UPB196685 UYX196685 VIT196685 VSP196685 WCL196685 WMH196685 WWD196685 V262221 JR262221 TN262221 ADJ262221 ANF262221 AXB262221 BGX262221 BQT262221 CAP262221 CKL262221 CUH262221 DED262221 DNZ262221 DXV262221 EHR262221 ERN262221 FBJ262221 FLF262221 FVB262221 GEX262221 GOT262221 GYP262221 HIL262221 HSH262221 ICD262221 ILZ262221 IVV262221 JFR262221 JPN262221 JZJ262221 KJF262221 KTB262221 LCX262221 LMT262221 LWP262221 MGL262221 MQH262221 NAD262221 NJZ262221 NTV262221 ODR262221 ONN262221 OXJ262221 PHF262221 PRB262221 QAX262221 QKT262221 QUP262221 REL262221 ROH262221 RYD262221 SHZ262221 SRV262221 TBR262221 TLN262221 TVJ262221 UFF262221 UPB262221 UYX262221 VIT262221 VSP262221 WCL262221 WMH262221 WWD262221 V327757 JR327757 TN327757 ADJ327757 ANF327757 AXB327757 BGX327757 BQT327757 CAP327757 CKL327757 CUH327757 DED327757 DNZ327757 DXV327757 EHR327757 ERN327757 FBJ327757 FLF327757 FVB327757 GEX327757 GOT327757 GYP327757 HIL327757 HSH327757 ICD327757 ILZ327757 IVV327757 JFR327757 JPN327757 JZJ327757 KJF327757 KTB327757 LCX327757 LMT327757 LWP327757 MGL327757 MQH327757 NAD327757 NJZ327757 NTV327757 ODR327757 ONN327757 OXJ327757 PHF327757 PRB327757 QAX327757 QKT327757 QUP327757 REL327757 ROH327757 RYD327757 SHZ327757 SRV327757 TBR327757 TLN327757 TVJ327757 UFF327757 UPB327757 UYX327757 VIT327757 VSP327757 WCL327757 WMH327757 WWD327757 V393293 JR393293 TN393293 ADJ393293 ANF393293 AXB393293 BGX393293 BQT393293 CAP393293 CKL393293 CUH393293 DED393293 DNZ393293 DXV393293 EHR393293 ERN393293 FBJ393293 FLF393293 FVB393293 GEX393293 GOT393293 GYP393293 HIL393293 HSH393293 ICD393293 ILZ393293 IVV393293 JFR393293 JPN393293 JZJ393293 KJF393293 KTB393293 LCX393293 LMT393293 LWP393293 MGL393293 MQH393293 NAD393293 NJZ393293 NTV393293 ODR393293 ONN393293 OXJ393293 PHF393293 PRB393293 QAX393293 QKT393293 QUP393293 REL393293 ROH393293 RYD393293 SHZ393293 SRV393293 TBR393293 TLN393293 TVJ393293 UFF393293 UPB393293 UYX393293 VIT393293 VSP393293 WCL393293 WMH393293 WWD393293 V458829 JR458829 TN458829 ADJ458829 ANF458829 AXB458829 BGX458829 BQT458829 CAP458829 CKL458829 CUH458829 DED458829 DNZ458829 DXV458829 EHR458829 ERN458829 FBJ458829 FLF458829 FVB458829 GEX458829 GOT458829 GYP458829 HIL458829 HSH458829 ICD458829 ILZ458829 IVV458829 JFR458829 JPN458829 JZJ458829 KJF458829 KTB458829 LCX458829 LMT458829 LWP458829 MGL458829 MQH458829 NAD458829 NJZ458829 NTV458829 ODR458829 ONN458829 OXJ458829 PHF458829 PRB458829 QAX458829 QKT458829 QUP458829 REL458829 ROH458829 RYD458829 SHZ458829 SRV458829 TBR458829 TLN458829 TVJ458829 UFF458829 UPB458829 UYX458829 VIT458829 VSP458829 WCL458829 WMH458829 WWD458829 V524365 JR524365 TN524365 ADJ524365 ANF524365 AXB524365 BGX524365 BQT524365 CAP524365 CKL524365 CUH524365 DED524365 DNZ524365 DXV524365 EHR524365 ERN524365 FBJ524365 FLF524365 FVB524365 GEX524365 GOT524365 GYP524365 HIL524365 HSH524365 ICD524365 ILZ524365 IVV524365 JFR524365 JPN524365 JZJ524365 KJF524365 KTB524365 LCX524365 LMT524365 LWP524365 MGL524365 MQH524365 NAD524365 NJZ524365 NTV524365 ODR524365 ONN524365 OXJ524365 PHF524365 PRB524365 QAX524365 QKT524365 QUP524365 REL524365 ROH524365 RYD524365 SHZ524365 SRV524365 TBR524365 TLN524365 TVJ524365 UFF524365 UPB524365 UYX524365 VIT524365 VSP524365 WCL524365 WMH524365 WWD524365 V589901 JR589901 TN589901 ADJ589901 ANF589901 AXB589901 BGX589901 BQT589901 CAP589901 CKL589901 CUH589901 DED589901 DNZ589901 DXV589901 EHR589901 ERN589901 FBJ589901 FLF589901 FVB589901 GEX589901 GOT589901 GYP589901 HIL589901 HSH589901 ICD589901 ILZ589901 IVV589901 JFR589901 JPN589901 JZJ589901 KJF589901 KTB589901 LCX589901 LMT589901 LWP589901 MGL589901 MQH589901 NAD589901 NJZ589901 NTV589901 ODR589901 ONN589901 OXJ589901 PHF589901 PRB589901 QAX589901 QKT589901 QUP589901 REL589901 ROH589901 RYD589901 SHZ589901 SRV589901 TBR589901 TLN589901 TVJ589901 UFF589901 UPB589901 UYX589901 VIT589901 VSP589901 WCL589901 WMH589901 WWD589901 V655437 JR655437 TN655437 ADJ655437 ANF655437 AXB655437 BGX655437 BQT655437 CAP655437 CKL655437 CUH655437 DED655437 DNZ655437 DXV655437 EHR655437 ERN655437 FBJ655437 FLF655437 FVB655437 GEX655437 GOT655437 GYP655437 HIL655437 HSH655437 ICD655437 ILZ655437 IVV655437 JFR655437 JPN655437 JZJ655437 KJF655437 KTB655437 LCX655437 LMT655437 LWP655437 MGL655437 MQH655437 NAD655437 NJZ655437 NTV655437 ODR655437 ONN655437 OXJ655437 PHF655437 PRB655437 QAX655437 QKT655437 QUP655437 REL655437 ROH655437 RYD655437 SHZ655437 SRV655437 TBR655437 TLN655437 TVJ655437 UFF655437 UPB655437 UYX655437 VIT655437 VSP655437 WCL655437 WMH655437 WWD655437 V720973 JR720973 TN720973 ADJ720973 ANF720973 AXB720973 BGX720973 BQT720973 CAP720973 CKL720973 CUH720973 DED720973 DNZ720973 DXV720973 EHR720973 ERN720973 FBJ720973 FLF720973 FVB720973 GEX720973 GOT720973 GYP720973 HIL720973 HSH720973 ICD720973 ILZ720973 IVV720973 JFR720973 JPN720973 JZJ720973 KJF720973 KTB720973 LCX720973 LMT720973 LWP720973 MGL720973 MQH720973 NAD720973 NJZ720973 NTV720973 ODR720973 ONN720973 OXJ720973 PHF720973 PRB720973 QAX720973 QKT720973 QUP720973 REL720973 ROH720973 RYD720973 SHZ720973 SRV720973 TBR720973 TLN720973 TVJ720973 UFF720973 UPB720973 UYX720973 VIT720973 VSP720973 WCL720973 WMH720973 WWD720973 V786509 JR786509 TN786509 ADJ786509 ANF786509 AXB786509 BGX786509 BQT786509 CAP786509 CKL786509 CUH786509 DED786509 DNZ786509 DXV786509 EHR786509 ERN786509 FBJ786509 FLF786509 FVB786509 GEX786509 GOT786509 GYP786509 HIL786509 HSH786509 ICD786509 ILZ786509 IVV786509 JFR786509 JPN786509 JZJ786509 KJF786509 KTB786509 LCX786509 LMT786509 LWP786509 MGL786509 MQH786509 NAD786509 NJZ786509 NTV786509 ODR786509 ONN786509 OXJ786509 PHF786509 PRB786509 QAX786509 QKT786509 QUP786509 REL786509 ROH786509 RYD786509 SHZ786509 SRV786509 TBR786509 TLN786509 TVJ786509 UFF786509 UPB786509 UYX786509 VIT786509 VSP786509 WCL786509 WMH786509 WWD786509 V852045 JR852045 TN852045 ADJ852045 ANF852045 AXB852045 BGX852045 BQT852045 CAP852045 CKL852045 CUH852045 DED852045 DNZ852045 DXV852045 EHR852045 ERN852045 FBJ852045 FLF852045 FVB852045 GEX852045 GOT852045 GYP852045 HIL852045 HSH852045 ICD852045 ILZ852045 IVV852045 JFR852045 JPN852045 JZJ852045 KJF852045 KTB852045 LCX852045 LMT852045 LWP852045 MGL852045 MQH852045 NAD852045 NJZ852045 NTV852045 ODR852045 ONN852045 OXJ852045 PHF852045 PRB852045 QAX852045 QKT852045 QUP852045 REL852045 ROH852045 RYD852045 SHZ852045 SRV852045 TBR852045 TLN852045 TVJ852045 UFF852045 UPB852045 UYX852045 VIT852045 VSP852045 WCL852045 WMH852045 WWD852045 V917581 JR917581 TN917581 ADJ917581 ANF917581 AXB917581 BGX917581 BQT917581 CAP917581 CKL917581 CUH917581 DED917581 DNZ917581 DXV917581 EHR917581 ERN917581 FBJ917581 FLF917581 FVB917581 GEX917581 GOT917581 GYP917581 HIL917581 HSH917581 ICD917581 ILZ917581 IVV917581 JFR917581 JPN917581 JZJ917581 KJF917581 KTB917581 LCX917581 LMT917581 LWP917581 MGL917581 MQH917581 NAD917581 NJZ917581 NTV917581 ODR917581 ONN917581 OXJ917581 PHF917581 PRB917581 QAX917581 QKT917581 QUP917581 REL917581 ROH917581 RYD917581 SHZ917581 SRV917581 TBR917581 TLN917581 TVJ917581 UFF917581 UPB917581 UYX917581 VIT917581 VSP917581 WCL917581 WMH917581 WWD917581 V983117 JR983117 TN983117 ADJ983117 ANF983117 AXB983117 BGX983117 BQT983117 CAP983117 CKL983117 CUH983117 DED983117 DNZ983117 DXV983117 EHR983117 ERN983117 FBJ983117 FLF983117 FVB983117 GEX983117 GOT983117 GYP983117 HIL983117 HSH983117 ICD983117 ILZ983117 IVV983117 JFR983117 JPN983117 JZJ983117 KJF983117 KTB983117 LCX983117 LMT983117 LWP983117 MGL983117 MQH983117 NAD983117 NJZ983117 NTV983117 ODR983117 ONN983117 OXJ983117 PHF983117 PRB983117 QAX983117 QKT983117 QUP983117 REL983117 ROH983117 RYD983117 SHZ983117 SRV983117 TBR983117 TLN983117 TVJ983117 UFF983117 UPB983117 UYX983117 VIT983117 VSP983117 WCL983117 WMH983117 WWD983117 V57:V59 JR57:JR59 TN57:TN59 ADJ57:ADJ59 ANF57:ANF59 AXB57:AXB59 BGX57:BGX59 BQT57:BQT59 CAP57:CAP59 CKL57:CKL59 CUH57:CUH59 DED57:DED59 DNZ57:DNZ59 DXV57:DXV59 EHR57:EHR59 ERN57:ERN59 FBJ57:FBJ59 FLF57:FLF59 FVB57:FVB59 GEX57:GEX59 GOT57:GOT59 GYP57:GYP59 HIL57:HIL59 HSH57:HSH59 ICD57:ICD59 ILZ57:ILZ59 IVV57:IVV59 JFR57:JFR59 JPN57:JPN59 JZJ57:JZJ59 KJF57:KJF59 KTB57:KTB59 LCX57:LCX59 LMT57:LMT59 LWP57:LWP59 MGL57:MGL59 MQH57:MQH59 NAD57:NAD59 NJZ57:NJZ59 NTV57:NTV59 ODR57:ODR59 ONN57:ONN59 OXJ57:OXJ59 PHF57:PHF59 PRB57:PRB59 QAX57:QAX59 QKT57:QKT59 QUP57:QUP59 REL57:REL59 ROH57:ROH59 RYD57:RYD59 SHZ57:SHZ59 SRV57:SRV59 TBR57:TBR59 TLN57:TLN59 TVJ57:TVJ59 UFF57:UFF59 UPB57:UPB59 UYX57:UYX59 VIT57:VIT59 VSP57:VSP59 WCL57:WCL59 WMH57:WMH59 WWD57:WWD59 V65593:V65595 JR65593:JR65595 TN65593:TN65595 ADJ65593:ADJ65595 ANF65593:ANF65595 AXB65593:AXB65595 BGX65593:BGX65595 BQT65593:BQT65595 CAP65593:CAP65595 CKL65593:CKL65595 CUH65593:CUH65595 DED65593:DED65595 DNZ65593:DNZ65595 DXV65593:DXV65595 EHR65593:EHR65595 ERN65593:ERN65595 FBJ65593:FBJ65595 FLF65593:FLF65595 FVB65593:FVB65595 GEX65593:GEX65595 GOT65593:GOT65595 GYP65593:GYP65595 HIL65593:HIL65595 HSH65593:HSH65595 ICD65593:ICD65595 ILZ65593:ILZ65595 IVV65593:IVV65595 JFR65593:JFR65595 JPN65593:JPN65595 JZJ65593:JZJ65595 KJF65593:KJF65595 KTB65593:KTB65595 LCX65593:LCX65595 LMT65593:LMT65595 LWP65593:LWP65595 MGL65593:MGL65595 MQH65593:MQH65595 NAD65593:NAD65595 NJZ65593:NJZ65595 NTV65593:NTV65595 ODR65593:ODR65595 ONN65593:ONN65595 OXJ65593:OXJ65595 PHF65593:PHF65595 PRB65593:PRB65595 QAX65593:QAX65595 QKT65593:QKT65595 QUP65593:QUP65595 REL65593:REL65595 ROH65593:ROH65595 RYD65593:RYD65595 SHZ65593:SHZ65595 SRV65593:SRV65595 TBR65593:TBR65595 TLN65593:TLN65595 TVJ65593:TVJ65595 UFF65593:UFF65595 UPB65593:UPB65595 UYX65593:UYX65595 VIT65593:VIT65595 VSP65593:VSP65595 WCL65593:WCL65595 WMH65593:WMH65595 WWD65593:WWD65595 V131129:V131131 JR131129:JR131131 TN131129:TN131131 ADJ131129:ADJ131131 ANF131129:ANF131131 AXB131129:AXB131131 BGX131129:BGX131131 BQT131129:BQT131131 CAP131129:CAP131131 CKL131129:CKL131131 CUH131129:CUH131131 DED131129:DED131131 DNZ131129:DNZ131131 DXV131129:DXV131131 EHR131129:EHR131131 ERN131129:ERN131131 FBJ131129:FBJ131131 FLF131129:FLF131131 FVB131129:FVB131131 GEX131129:GEX131131 GOT131129:GOT131131 GYP131129:GYP131131 HIL131129:HIL131131 HSH131129:HSH131131 ICD131129:ICD131131 ILZ131129:ILZ131131 IVV131129:IVV131131 JFR131129:JFR131131 JPN131129:JPN131131 JZJ131129:JZJ131131 KJF131129:KJF131131 KTB131129:KTB131131 LCX131129:LCX131131 LMT131129:LMT131131 LWP131129:LWP131131 MGL131129:MGL131131 MQH131129:MQH131131 NAD131129:NAD131131 NJZ131129:NJZ131131 NTV131129:NTV131131 ODR131129:ODR131131 ONN131129:ONN131131 OXJ131129:OXJ131131 PHF131129:PHF131131 PRB131129:PRB131131 QAX131129:QAX131131 QKT131129:QKT131131 QUP131129:QUP131131 REL131129:REL131131 ROH131129:ROH131131 RYD131129:RYD131131 SHZ131129:SHZ131131 SRV131129:SRV131131 TBR131129:TBR131131 TLN131129:TLN131131 TVJ131129:TVJ131131 UFF131129:UFF131131 UPB131129:UPB131131 UYX131129:UYX131131 VIT131129:VIT131131 VSP131129:VSP131131 WCL131129:WCL131131 WMH131129:WMH131131 WWD131129:WWD131131 V196665:V196667 JR196665:JR196667 TN196665:TN196667 ADJ196665:ADJ196667 ANF196665:ANF196667 AXB196665:AXB196667 BGX196665:BGX196667 BQT196665:BQT196667 CAP196665:CAP196667 CKL196665:CKL196667 CUH196665:CUH196667 DED196665:DED196667 DNZ196665:DNZ196667 DXV196665:DXV196667 EHR196665:EHR196667 ERN196665:ERN196667 FBJ196665:FBJ196667 FLF196665:FLF196667 FVB196665:FVB196667 GEX196665:GEX196667 GOT196665:GOT196667 GYP196665:GYP196667 HIL196665:HIL196667 HSH196665:HSH196667 ICD196665:ICD196667 ILZ196665:ILZ196667 IVV196665:IVV196667 JFR196665:JFR196667 JPN196665:JPN196667 JZJ196665:JZJ196667 KJF196665:KJF196667 KTB196665:KTB196667 LCX196665:LCX196667 LMT196665:LMT196667 LWP196665:LWP196667 MGL196665:MGL196667 MQH196665:MQH196667 NAD196665:NAD196667 NJZ196665:NJZ196667 NTV196665:NTV196667 ODR196665:ODR196667 ONN196665:ONN196667 OXJ196665:OXJ196667 PHF196665:PHF196667 PRB196665:PRB196667 QAX196665:QAX196667 QKT196665:QKT196667 QUP196665:QUP196667 REL196665:REL196667 ROH196665:ROH196667 RYD196665:RYD196667 SHZ196665:SHZ196667 SRV196665:SRV196667 TBR196665:TBR196667 TLN196665:TLN196667 TVJ196665:TVJ196667 UFF196665:UFF196667 UPB196665:UPB196667 UYX196665:UYX196667 VIT196665:VIT196667 VSP196665:VSP196667 WCL196665:WCL196667 WMH196665:WMH196667 WWD196665:WWD196667 V262201:V262203 JR262201:JR262203 TN262201:TN262203 ADJ262201:ADJ262203 ANF262201:ANF262203 AXB262201:AXB262203 BGX262201:BGX262203 BQT262201:BQT262203 CAP262201:CAP262203 CKL262201:CKL262203 CUH262201:CUH262203 DED262201:DED262203 DNZ262201:DNZ262203 DXV262201:DXV262203 EHR262201:EHR262203 ERN262201:ERN262203 FBJ262201:FBJ262203 FLF262201:FLF262203 FVB262201:FVB262203 GEX262201:GEX262203 GOT262201:GOT262203 GYP262201:GYP262203 HIL262201:HIL262203 HSH262201:HSH262203 ICD262201:ICD262203 ILZ262201:ILZ262203 IVV262201:IVV262203 JFR262201:JFR262203 JPN262201:JPN262203 JZJ262201:JZJ262203 KJF262201:KJF262203 KTB262201:KTB262203 LCX262201:LCX262203 LMT262201:LMT262203 LWP262201:LWP262203 MGL262201:MGL262203 MQH262201:MQH262203 NAD262201:NAD262203 NJZ262201:NJZ262203 NTV262201:NTV262203 ODR262201:ODR262203 ONN262201:ONN262203 OXJ262201:OXJ262203 PHF262201:PHF262203 PRB262201:PRB262203 QAX262201:QAX262203 QKT262201:QKT262203 QUP262201:QUP262203 REL262201:REL262203 ROH262201:ROH262203 RYD262201:RYD262203 SHZ262201:SHZ262203 SRV262201:SRV262203 TBR262201:TBR262203 TLN262201:TLN262203 TVJ262201:TVJ262203 UFF262201:UFF262203 UPB262201:UPB262203 UYX262201:UYX262203 VIT262201:VIT262203 VSP262201:VSP262203 WCL262201:WCL262203 WMH262201:WMH262203 WWD262201:WWD262203 V327737:V327739 JR327737:JR327739 TN327737:TN327739 ADJ327737:ADJ327739 ANF327737:ANF327739 AXB327737:AXB327739 BGX327737:BGX327739 BQT327737:BQT327739 CAP327737:CAP327739 CKL327737:CKL327739 CUH327737:CUH327739 DED327737:DED327739 DNZ327737:DNZ327739 DXV327737:DXV327739 EHR327737:EHR327739 ERN327737:ERN327739 FBJ327737:FBJ327739 FLF327737:FLF327739 FVB327737:FVB327739 GEX327737:GEX327739 GOT327737:GOT327739 GYP327737:GYP327739 HIL327737:HIL327739 HSH327737:HSH327739 ICD327737:ICD327739 ILZ327737:ILZ327739 IVV327737:IVV327739 JFR327737:JFR327739 JPN327737:JPN327739 JZJ327737:JZJ327739 KJF327737:KJF327739 KTB327737:KTB327739 LCX327737:LCX327739 LMT327737:LMT327739 LWP327737:LWP327739 MGL327737:MGL327739 MQH327737:MQH327739 NAD327737:NAD327739 NJZ327737:NJZ327739 NTV327737:NTV327739 ODR327737:ODR327739 ONN327737:ONN327739 OXJ327737:OXJ327739 PHF327737:PHF327739 PRB327737:PRB327739 QAX327737:QAX327739 QKT327737:QKT327739 QUP327737:QUP327739 REL327737:REL327739 ROH327737:ROH327739 RYD327737:RYD327739 SHZ327737:SHZ327739 SRV327737:SRV327739 TBR327737:TBR327739 TLN327737:TLN327739 TVJ327737:TVJ327739 UFF327737:UFF327739 UPB327737:UPB327739 UYX327737:UYX327739 VIT327737:VIT327739 VSP327737:VSP327739 WCL327737:WCL327739 WMH327737:WMH327739 WWD327737:WWD327739 V393273:V393275 JR393273:JR393275 TN393273:TN393275 ADJ393273:ADJ393275 ANF393273:ANF393275 AXB393273:AXB393275 BGX393273:BGX393275 BQT393273:BQT393275 CAP393273:CAP393275 CKL393273:CKL393275 CUH393273:CUH393275 DED393273:DED393275 DNZ393273:DNZ393275 DXV393273:DXV393275 EHR393273:EHR393275 ERN393273:ERN393275 FBJ393273:FBJ393275 FLF393273:FLF393275 FVB393273:FVB393275 GEX393273:GEX393275 GOT393273:GOT393275 GYP393273:GYP393275 HIL393273:HIL393275 HSH393273:HSH393275 ICD393273:ICD393275 ILZ393273:ILZ393275 IVV393273:IVV393275 JFR393273:JFR393275 JPN393273:JPN393275 JZJ393273:JZJ393275 KJF393273:KJF393275 KTB393273:KTB393275 LCX393273:LCX393275 LMT393273:LMT393275 LWP393273:LWP393275 MGL393273:MGL393275 MQH393273:MQH393275 NAD393273:NAD393275 NJZ393273:NJZ393275 NTV393273:NTV393275 ODR393273:ODR393275 ONN393273:ONN393275 OXJ393273:OXJ393275 PHF393273:PHF393275 PRB393273:PRB393275 QAX393273:QAX393275 QKT393273:QKT393275 QUP393273:QUP393275 REL393273:REL393275 ROH393273:ROH393275 RYD393273:RYD393275 SHZ393273:SHZ393275 SRV393273:SRV393275 TBR393273:TBR393275 TLN393273:TLN393275 TVJ393273:TVJ393275 UFF393273:UFF393275 UPB393273:UPB393275 UYX393273:UYX393275 VIT393273:VIT393275 VSP393273:VSP393275 WCL393273:WCL393275 WMH393273:WMH393275 WWD393273:WWD393275 V458809:V458811 JR458809:JR458811 TN458809:TN458811 ADJ458809:ADJ458811 ANF458809:ANF458811 AXB458809:AXB458811 BGX458809:BGX458811 BQT458809:BQT458811 CAP458809:CAP458811 CKL458809:CKL458811 CUH458809:CUH458811 DED458809:DED458811 DNZ458809:DNZ458811 DXV458809:DXV458811 EHR458809:EHR458811 ERN458809:ERN458811 FBJ458809:FBJ458811 FLF458809:FLF458811 FVB458809:FVB458811 GEX458809:GEX458811 GOT458809:GOT458811 GYP458809:GYP458811 HIL458809:HIL458811 HSH458809:HSH458811 ICD458809:ICD458811 ILZ458809:ILZ458811 IVV458809:IVV458811 JFR458809:JFR458811 JPN458809:JPN458811 JZJ458809:JZJ458811 KJF458809:KJF458811 KTB458809:KTB458811 LCX458809:LCX458811 LMT458809:LMT458811 LWP458809:LWP458811 MGL458809:MGL458811 MQH458809:MQH458811 NAD458809:NAD458811 NJZ458809:NJZ458811 NTV458809:NTV458811 ODR458809:ODR458811 ONN458809:ONN458811 OXJ458809:OXJ458811 PHF458809:PHF458811 PRB458809:PRB458811 QAX458809:QAX458811 QKT458809:QKT458811 QUP458809:QUP458811 REL458809:REL458811 ROH458809:ROH458811 RYD458809:RYD458811 SHZ458809:SHZ458811 SRV458809:SRV458811 TBR458809:TBR458811 TLN458809:TLN458811 TVJ458809:TVJ458811 UFF458809:UFF458811 UPB458809:UPB458811 UYX458809:UYX458811 VIT458809:VIT458811 VSP458809:VSP458811 WCL458809:WCL458811 WMH458809:WMH458811 WWD458809:WWD458811 V524345:V524347 JR524345:JR524347 TN524345:TN524347 ADJ524345:ADJ524347 ANF524345:ANF524347 AXB524345:AXB524347 BGX524345:BGX524347 BQT524345:BQT524347 CAP524345:CAP524347 CKL524345:CKL524347 CUH524345:CUH524347 DED524345:DED524347 DNZ524345:DNZ524347 DXV524345:DXV524347 EHR524345:EHR524347 ERN524345:ERN524347 FBJ524345:FBJ524347 FLF524345:FLF524347 FVB524345:FVB524347 GEX524345:GEX524347 GOT524345:GOT524347 GYP524345:GYP524347 HIL524345:HIL524347 HSH524345:HSH524347 ICD524345:ICD524347 ILZ524345:ILZ524347 IVV524345:IVV524347 JFR524345:JFR524347 JPN524345:JPN524347 JZJ524345:JZJ524347 KJF524345:KJF524347 KTB524345:KTB524347 LCX524345:LCX524347 LMT524345:LMT524347 LWP524345:LWP524347 MGL524345:MGL524347 MQH524345:MQH524347 NAD524345:NAD524347 NJZ524345:NJZ524347 NTV524345:NTV524347 ODR524345:ODR524347 ONN524345:ONN524347 OXJ524345:OXJ524347 PHF524345:PHF524347 PRB524345:PRB524347 QAX524345:QAX524347 QKT524345:QKT524347 QUP524345:QUP524347 REL524345:REL524347 ROH524345:ROH524347 RYD524345:RYD524347 SHZ524345:SHZ524347 SRV524345:SRV524347 TBR524345:TBR524347 TLN524345:TLN524347 TVJ524345:TVJ524347 UFF524345:UFF524347 UPB524345:UPB524347 UYX524345:UYX524347 VIT524345:VIT524347 VSP524345:VSP524347 WCL524345:WCL524347 WMH524345:WMH524347 WWD524345:WWD524347 V589881:V589883 JR589881:JR589883 TN589881:TN589883 ADJ589881:ADJ589883 ANF589881:ANF589883 AXB589881:AXB589883 BGX589881:BGX589883 BQT589881:BQT589883 CAP589881:CAP589883 CKL589881:CKL589883 CUH589881:CUH589883 DED589881:DED589883 DNZ589881:DNZ589883 DXV589881:DXV589883 EHR589881:EHR589883 ERN589881:ERN589883 FBJ589881:FBJ589883 FLF589881:FLF589883 FVB589881:FVB589883 GEX589881:GEX589883 GOT589881:GOT589883 GYP589881:GYP589883 HIL589881:HIL589883 HSH589881:HSH589883 ICD589881:ICD589883 ILZ589881:ILZ589883 IVV589881:IVV589883 JFR589881:JFR589883 JPN589881:JPN589883 JZJ589881:JZJ589883 KJF589881:KJF589883 KTB589881:KTB589883 LCX589881:LCX589883 LMT589881:LMT589883 LWP589881:LWP589883 MGL589881:MGL589883 MQH589881:MQH589883 NAD589881:NAD589883 NJZ589881:NJZ589883 NTV589881:NTV589883 ODR589881:ODR589883 ONN589881:ONN589883 OXJ589881:OXJ589883 PHF589881:PHF589883 PRB589881:PRB589883 QAX589881:QAX589883 QKT589881:QKT589883 QUP589881:QUP589883 REL589881:REL589883 ROH589881:ROH589883 RYD589881:RYD589883 SHZ589881:SHZ589883 SRV589881:SRV589883 TBR589881:TBR589883 TLN589881:TLN589883 TVJ589881:TVJ589883 UFF589881:UFF589883 UPB589881:UPB589883 UYX589881:UYX589883 VIT589881:VIT589883 VSP589881:VSP589883 WCL589881:WCL589883 WMH589881:WMH589883 WWD589881:WWD589883 V655417:V655419 JR655417:JR655419 TN655417:TN655419 ADJ655417:ADJ655419 ANF655417:ANF655419 AXB655417:AXB655419 BGX655417:BGX655419 BQT655417:BQT655419 CAP655417:CAP655419 CKL655417:CKL655419 CUH655417:CUH655419 DED655417:DED655419 DNZ655417:DNZ655419 DXV655417:DXV655419 EHR655417:EHR655419 ERN655417:ERN655419 FBJ655417:FBJ655419 FLF655417:FLF655419 FVB655417:FVB655419 GEX655417:GEX655419 GOT655417:GOT655419 GYP655417:GYP655419 HIL655417:HIL655419 HSH655417:HSH655419 ICD655417:ICD655419 ILZ655417:ILZ655419 IVV655417:IVV655419 JFR655417:JFR655419 JPN655417:JPN655419 JZJ655417:JZJ655419 KJF655417:KJF655419 KTB655417:KTB655419 LCX655417:LCX655419 LMT655417:LMT655419 LWP655417:LWP655419 MGL655417:MGL655419 MQH655417:MQH655419 NAD655417:NAD655419 NJZ655417:NJZ655419 NTV655417:NTV655419 ODR655417:ODR655419 ONN655417:ONN655419 OXJ655417:OXJ655419 PHF655417:PHF655419 PRB655417:PRB655419 QAX655417:QAX655419 QKT655417:QKT655419 QUP655417:QUP655419 REL655417:REL655419 ROH655417:ROH655419 RYD655417:RYD655419 SHZ655417:SHZ655419 SRV655417:SRV655419 TBR655417:TBR655419 TLN655417:TLN655419 TVJ655417:TVJ655419 UFF655417:UFF655419 UPB655417:UPB655419 UYX655417:UYX655419 VIT655417:VIT655419 VSP655417:VSP655419 WCL655417:WCL655419 WMH655417:WMH655419 WWD655417:WWD655419 V720953:V720955 JR720953:JR720955 TN720953:TN720955 ADJ720953:ADJ720955 ANF720953:ANF720955 AXB720953:AXB720955 BGX720953:BGX720955 BQT720953:BQT720955 CAP720953:CAP720955 CKL720953:CKL720955 CUH720953:CUH720955 DED720953:DED720955 DNZ720953:DNZ720955 DXV720953:DXV720955 EHR720953:EHR720955 ERN720953:ERN720955 FBJ720953:FBJ720955 FLF720953:FLF720955 FVB720953:FVB720955 GEX720953:GEX720955 GOT720953:GOT720955 GYP720953:GYP720955 HIL720953:HIL720955 HSH720953:HSH720955 ICD720953:ICD720955 ILZ720953:ILZ720955 IVV720953:IVV720955 JFR720953:JFR720955 JPN720953:JPN720955 JZJ720953:JZJ720955 KJF720953:KJF720955 KTB720953:KTB720955 LCX720953:LCX720955 LMT720953:LMT720955 LWP720953:LWP720955 MGL720953:MGL720955 MQH720953:MQH720955 NAD720953:NAD720955 NJZ720953:NJZ720955 NTV720953:NTV720955 ODR720953:ODR720955 ONN720953:ONN720955 OXJ720953:OXJ720955 PHF720953:PHF720955 PRB720953:PRB720955 QAX720953:QAX720955 QKT720953:QKT720955 QUP720953:QUP720955 REL720953:REL720955 ROH720953:ROH720955 RYD720953:RYD720955 SHZ720953:SHZ720955 SRV720953:SRV720955 TBR720953:TBR720955 TLN720953:TLN720955 TVJ720953:TVJ720955 UFF720953:UFF720955 UPB720953:UPB720955 UYX720953:UYX720955 VIT720953:VIT720955 VSP720953:VSP720955 WCL720953:WCL720955 WMH720953:WMH720955 WWD720953:WWD720955 V786489:V786491 JR786489:JR786491 TN786489:TN786491 ADJ786489:ADJ786491 ANF786489:ANF786491 AXB786489:AXB786491 BGX786489:BGX786491 BQT786489:BQT786491 CAP786489:CAP786491 CKL786489:CKL786491 CUH786489:CUH786491 DED786489:DED786491 DNZ786489:DNZ786491 DXV786489:DXV786491 EHR786489:EHR786491 ERN786489:ERN786491 FBJ786489:FBJ786491 FLF786489:FLF786491 FVB786489:FVB786491 GEX786489:GEX786491 GOT786489:GOT786491 GYP786489:GYP786491 HIL786489:HIL786491 HSH786489:HSH786491 ICD786489:ICD786491 ILZ786489:ILZ786491 IVV786489:IVV786491 JFR786489:JFR786491 JPN786489:JPN786491 JZJ786489:JZJ786491 KJF786489:KJF786491 KTB786489:KTB786491 LCX786489:LCX786491 LMT786489:LMT786491 LWP786489:LWP786491 MGL786489:MGL786491 MQH786489:MQH786491 NAD786489:NAD786491 NJZ786489:NJZ786491 NTV786489:NTV786491 ODR786489:ODR786491 ONN786489:ONN786491 OXJ786489:OXJ786491 PHF786489:PHF786491 PRB786489:PRB786491 QAX786489:QAX786491 QKT786489:QKT786491 QUP786489:QUP786491 REL786489:REL786491 ROH786489:ROH786491 RYD786489:RYD786491 SHZ786489:SHZ786491 SRV786489:SRV786491 TBR786489:TBR786491 TLN786489:TLN786491 TVJ786489:TVJ786491 UFF786489:UFF786491 UPB786489:UPB786491 UYX786489:UYX786491 VIT786489:VIT786491 VSP786489:VSP786491 WCL786489:WCL786491 WMH786489:WMH786491 WWD786489:WWD786491 V852025:V852027 JR852025:JR852027 TN852025:TN852027 ADJ852025:ADJ852027 ANF852025:ANF852027 AXB852025:AXB852027 BGX852025:BGX852027 BQT852025:BQT852027 CAP852025:CAP852027 CKL852025:CKL852027 CUH852025:CUH852027 DED852025:DED852027 DNZ852025:DNZ852027 DXV852025:DXV852027 EHR852025:EHR852027 ERN852025:ERN852027 FBJ852025:FBJ852027 FLF852025:FLF852027 FVB852025:FVB852027 GEX852025:GEX852027 GOT852025:GOT852027 GYP852025:GYP852027 HIL852025:HIL852027 HSH852025:HSH852027 ICD852025:ICD852027 ILZ852025:ILZ852027 IVV852025:IVV852027 JFR852025:JFR852027 JPN852025:JPN852027 JZJ852025:JZJ852027 KJF852025:KJF852027 KTB852025:KTB852027 LCX852025:LCX852027 LMT852025:LMT852027 LWP852025:LWP852027 MGL852025:MGL852027 MQH852025:MQH852027 NAD852025:NAD852027 NJZ852025:NJZ852027 NTV852025:NTV852027 ODR852025:ODR852027 ONN852025:ONN852027 OXJ852025:OXJ852027 PHF852025:PHF852027 PRB852025:PRB852027 QAX852025:QAX852027 QKT852025:QKT852027 QUP852025:QUP852027 REL852025:REL852027 ROH852025:ROH852027 RYD852025:RYD852027 SHZ852025:SHZ852027 SRV852025:SRV852027 TBR852025:TBR852027 TLN852025:TLN852027 TVJ852025:TVJ852027 UFF852025:UFF852027 UPB852025:UPB852027 UYX852025:UYX852027 VIT852025:VIT852027 VSP852025:VSP852027 WCL852025:WCL852027 WMH852025:WMH852027 WWD852025:WWD852027 V917561:V917563 JR917561:JR917563 TN917561:TN917563 ADJ917561:ADJ917563 ANF917561:ANF917563 AXB917561:AXB917563 BGX917561:BGX917563 BQT917561:BQT917563 CAP917561:CAP917563 CKL917561:CKL917563 CUH917561:CUH917563 DED917561:DED917563 DNZ917561:DNZ917563 DXV917561:DXV917563 EHR917561:EHR917563 ERN917561:ERN917563 FBJ917561:FBJ917563 FLF917561:FLF917563 FVB917561:FVB917563 GEX917561:GEX917563 GOT917561:GOT917563 GYP917561:GYP917563 HIL917561:HIL917563 HSH917561:HSH917563 ICD917561:ICD917563 ILZ917561:ILZ917563 IVV917561:IVV917563 JFR917561:JFR917563 JPN917561:JPN917563 JZJ917561:JZJ917563 KJF917561:KJF917563 KTB917561:KTB917563 LCX917561:LCX917563 LMT917561:LMT917563 LWP917561:LWP917563 MGL917561:MGL917563 MQH917561:MQH917563 NAD917561:NAD917563 NJZ917561:NJZ917563 NTV917561:NTV917563 ODR917561:ODR917563 ONN917561:ONN917563 OXJ917561:OXJ917563 PHF917561:PHF917563 PRB917561:PRB917563 QAX917561:QAX917563 QKT917561:QKT917563 QUP917561:QUP917563 REL917561:REL917563 ROH917561:ROH917563 RYD917561:RYD917563 SHZ917561:SHZ917563 SRV917561:SRV917563 TBR917561:TBR917563 TLN917561:TLN917563 TVJ917561:TVJ917563 UFF917561:UFF917563 UPB917561:UPB917563 UYX917561:UYX917563 VIT917561:VIT917563 VSP917561:VSP917563 WCL917561:WCL917563 WMH917561:WMH917563 WWD917561:WWD917563 V983097:V983099 JR983097:JR983099 TN983097:TN983099 ADJ983097:ADJ983099 ANF983097:ANF983099 AXB983097:AXB983099 BGX983097:BGX983099 BQT983097:BQT983099 CAP983097:CAP983099 CKL983097:CKL983099 CUH983097:CUH983099 DED983097:DED983099 DNZ983097:DNZ983099 DXV983097:DXV983099 EHR983097:EHR983099 ERN983097:ERN983099 FBJ983097:FBJ983099 FLF983097:FLF983099 FVB983097:FVB983099 GEX983097:GEX983099 GOT983097:GOT983099 GYP983097:GYP983099 HIL983097:HIL983099 HSH983097:HSH983099 ICD983097:ICD983099 ILZ983097:ILZ983099 IVV983097:IVV983099 JFR983097:JFR983099 JPN983097:JPN983099 JZJ983097:JZJ983099 KJF983097:KJF983099 KTB983097:KTB983099 LCX983097:LCX983099 LMT983097:LMT983099 LWP983097:LWP983099 MGL983097:MGL983099 MQH983097:MQH983099 NAD983097:NAD983099 NJZ983097:NJZ983099 NTV983097:NTV983099 ODR983097:ODR983099 ONN983097:ONN983099 OXJ983097:OXJ983099 PHF983097:PHF983099 PRB983097:PRB983099 QAX983097:QAX983099 QKT983097:QKT983099 QUP983097:QUP983099 REL983097:REL983099 ROH983097:ROH983099 RYD983097:RYD983099 SHZ983097:SHZ983099 SRV983097:SRV983099 TBR983097:TBR983099 TLN983097:TLN983099 TVJ983097:TVJ983099 UFF983097:UFF983099 UPB983097:UPB983099 UYX983097:UYX983099 VIT983097:VIT983099 VSP983097:VSP983099 WCL983097:WCL983099 WMH983097:WMH983099 WWD983097:WWD983099 X57:X59 JT57:JT59 TP57:TP59 ADL57:ADL59 ANH57:ANH59 AXD57:AXD59 BGZ57:BGZ59 BQV57:BQV59 CAR57:CAR59 CKN57:CKN59 CUJ57:CUJ59 DEF57:DEF59 DOB57:DOB59 DXX57:DXX59 EHT57:EHT59 ERP57:ERP59 FBL57:FBL59 FLH57:FLH59 FVD57:FVD59 GEZ57:GEZ59 GOV57:GOV59 GYR57:GYR59 HIN57:HIN59 HSJ57:HSJ59 ICF57:ICF59 IMB57:IMB59 IVX57:IVX59 JFT57:JFT59 JPP57:JPP59 JZL57:JZL59 KJH57:KJH59 KTD57:KTD59 LCZ57:LCZ59 LMV57:LMV59 LWR57:LWR59 MGN57:MGN59 MQJ57:MQJ59 NAF57:NAF59 NKB57:NKB59 NTX57:NTX59 ODT57:ODT59 ONP57:ONP59 OXL57:OXL59 PHH57:PHH59 PRD57:PRD59 QAZ57:QAZ59 QKV57:QKV59 QUR57:QUR59 REN57:REN59 ROJ57:ROJ59 RYF57:RYF59 SIB57:SIB59 SRX57:SRX59 TBT57:TBT59 TLP57:TLP59 TVL57:TVL59 UFH57:UFH59 UPD57:UPD59 UYZ57:UYZ59 VIV57:VIV59 VSR57:VSR59 WCN57:WCN59 WMJ57:WMJ59 WWF57:WWF59 X65593:X65595 JT65593:JT65595 TP65593:TP65595 ADL65593:ADL65595 ANH65593:ANH65595 AXD65593:AXD65595 BGZ65593:BGZ65595 BQV65593:BQV65595 CAR65593:CAR65595 CKN65593:CKN65595 CUJ65593:CUJ65595 DEF65593:DEF65595 DOB65593:DOB65595 DXX65593:DXX65595 EHT65593:EHT65595 ERP65593:ERP65595 FBL65593:FBL65595 FLH65593:FLH65595 FVD65593:FVD65595 GEZ65593:GEZ65595 GOV65593:GOV65595 GYR65593:GYR65595 HIN65593:HIN65595 HSJ65593:HSJ65595 ICF65593:ICF65595 IMB65593:IMB65595 IVX65593:IVX65595 JFT65593:JFT65595 JPP65593:JPP65595 JZL65593:JZL65595 KJH65593:KJH65595 KTD65593:KTD65595 LCZ65593:LCZ65595 LMV65593:LMV65595 LWR65593:LWR65595 MGN65593:MGN65595 MQJ65593:MQJ65595 NAF65593:NAF65595 NKB65593:NKB65595 NTX65593:NTX65595 ODT65593:ODT65595 ONP65593:ONP65595 OXL65593:OXL65595 PHH65593:PHH65595 PRD65593:PRD65595 QAZ65593:QAZ65595 QKV65593:QKV65595 QUR65593:QUR65595 REN65593:REN65595 ROJ65593:ROJ65595 RYF65593:RYF65595 SIB65593:SIB65595 SRX65593:SRX65595 TBT65593:TBT65595 TLP65593:TLP65595 TVL65593:TVL65595 UFH65593:UFH65595 UPD65593:UPD65595 UYZ65593:UYZ65595 VIV65593:VIV65595 VSR65593:VSR65595 WCN65593:WCN65595 WMJ65593:WMJ65595 WWF65593:WWF65595 X131129:X131131 JT131129:JT131131 TP131129:TP131131 ADL131129:ADL131131 ANH131129:ANH131131 AXD131129:AXD131131 BGZ131129:BGZ131131 BQV131129:BQV131131 CAR131129:CAR131131 CKN131129:CKN131131 CUJ131129:CUJ131131 DEF131129:DEF131131 DOB131129:DOB131131 DXX131129:DXX131131 EHT131129:EHT131131 ERP131129:ERP131131 FBL131129:FBL131131 FLH131129:FLH131131 FVD131129:FVD131131 GEZ131129:GEZ131131 GOV131129:GOV131131 GYR131129:GYR131131 HIN131129:HIN131131 HSJ131129:HSJ131131 ICF131129:ICF131131 IMB131129:IMB131131 IVX131129:IVX131131 JFT131129:JFT131131 JPP131129:JPP131131 JZL131129:JZL131131 KJH131129:KJH131131 KTD131129:KTD131131 LCZ131129:LCZ131131 LMV131129:LMV131131 LWR131129:LWR131131 MGN131129:MGN131131 MQJ131129:MQJ131131 NAF131129:NAF131131 NKB131129:NKB131131 NTX131129:NTX131131 ODT131129:ODT131131 ONP131129:ONP131131 OXL131129:OXL131131 PHH131129:PHH131131 PRD131129:PRD131131 QAZ131129:QAZ131131 QKV131129:QKV131131 QUR131129:QUR131131 REN131129:REN131131 ROJ131129:ROJ131131 RYF131129:RYF131131 SIB131129:SIB131131 SRX131129:SRX131131 TBT131129:TBT131131 TLP131129:TLP131131 TVL131129:TVL131131 UFH131129:UFH131131 UPD131129:UPD131131 UYZ131129:UYZ131131 VIV131129:VIV131131 VSR131129:VSR131131 WCN131129:WCN131131 WMJ131129:WMJ131131 WWF131129:WWF131131 X196665:X196667 JT196665:JT196667 TP196665:TP196667 ADL196665:ADL196667 ANH196665:ANH196667 AXD196665:AXD196667 BGZ196665:BGZ196667 BQV196665:BQV196667 CAR196665:CAR196667 CKN196665:CKN196667 CUJ196665:CUJ196667 DEF196665:DEF196667 DOB196665:DOB196667 DXX196665:DXX196667 EHT196665:EHT196667 ERP196665:ERP196667 FBL196665:FBL196667 FLH196665:FLH196667 FVD196665:FVD196667 GEZ196665:GEZ196667 GOV196665:GOV196667 GYR196665:GYR196667 HIN196665:HIN196667 HSJ196665:HSJ196667 ICF196665:ICF196667 IMB196665:IMB196667 IVX196665:IVX196667 JFT196665:JFT196667 JPP196665:JPP196667 JZL196665:JZL196667 KJH196665:KJH196667 KTD196665:KTD196667 LCZ196665:LCZ196667 LMV196665:LMV196667 LWR196665:LWR196667 MGN196665:MGN196667 MQJ196665:MQJ196667 NAF196665:NAF196667 NKB196665:NKB196667 NTX196665:NTX196667 ODT196665:ODT196667 ONP196665:ONP196667 OXL196665:OXL196667 PHH196665:PHH196667 PRD196665:PRD196667 QAZ196665:QAZ196667 QKV196665:QKV196667 QUR196665:QUR196667 REN196665:REN196667 ROJ196665:ROJ196667 RYF196665:RYF196667 SIB196665:SIB196667 SRX196665:SRX196667 TBT196665:TBT196667 TLP196665:TLP196667 TVL196665:TVL196667 UFH196665:UFH196667 UPD196665:UPD196667 UYZ196665:UYZ196667 VIV196665:VIV196667 VSR196665:VSR196667 WCN196665:WCN196667 WMJ196665:WMJ196667 WWF196665:WWF196667 X262201:X262203 JT262201:JT262203 TP262201:TP262203 ADL262201:ADL262203 ANH262201:ANH262203 AXD262201:AXD262203 BGZ262201:BGZ262203 BQV262201:BQV262203 CAR262201:CAR262203 CKN262201:CKN262203 CUJ262201:CUJ262203 DEF262201:DEF262203 DOB262201:DOB262203 DXX262201:DXX262203 EHT262201:EHT262203 ERP262201:ERP262203 FBL262201:FBL262203 FLH262201:FLH262203 FVD262201:FVD262203 GEZ262201:GEZ262203 GOV262201:GOV262203 GYR262201:GYR262203 HIN262201:HIN262203 HSJ262201:HSJ262203 ICF262201:ICF262203 IMB262201:IMB262203 IVX262201:IVX262203 JFT262201:JFT262203 JPP262201:JPP262203 JZL262201:JZL262203 KJH262201:KJH262203 KTD262201:KTD262203 LCZ262201:LCZ262203 LMV262201:LMV262203 LWR262201:LWR262203 MGN262201:MGN262203 MQJ262201:MQJ262203 NAF262201:NAF262203 NKB262201:NKB262203 NTX262201:NTX262203 ODT262201:ODT262203 ONP262201:ONP262203 OXL262201:OXL262203 PHH262201:PHH262203 PRD262201:PRD262203 QAZ262201:QAZ262203 QKV262201:QKV262203 QUR262201:QUR262203 REN262201:REN262203 ROJ262201:ROJ262203 RYF262201:RYF262203 SIB262201:SIB262203 SRX262201:SRX262203 TBT262201:TBT262203 TLP262201:TLP262203 TVL262201:TVL262203 UFH262201:UFH262203 UPD262201:UPD262203 UYZ262201:UYZ262203 VIV262201:VIV262203 VSR262201:VSR262203 WCN262201:WCN262203 WMJ262201:WMJ262203 WWF262201:WWF262203 X327737:X327739 JT327737:JT327739 TP327737:TP327739 ADL327737:ADL327739 ANH327737:ANH327739 AXD327737:AXD327739 BGZ327737:BGZ327739 BQV327737:BQV327739 CAR327737:CAR327739 CKN327737:CKN327739 CUJ327737:CUJ327739 DEF327737:DEF327739 DOB327737:DOB327739 DXX327737:DXX327739 EHT327737:EHT327739 ERP327737:ERP327739 FBL327737:FBL327739 FLH327737:FLH327739 FVD327737:FVD327739 GEZ327737:GEZ327739 GOV327737:GOV327739 GYR327737:GYR327739 HIN327737:HIN327739 HSJ327737:HSJ327739 ICF327737:ICF327739 IMB327737:IMB327739 IVX327737:IVX327739 JFT327737:JFT327739 JPP327737:JPP327739 JZL327737:JZL327739 KJH327737:KJH327739 KTD327737:KTD327739 LCZ327737:LCZ327739 LMV327737:LMV327739 LWR327737:LWR327739 MGN327737:MGN327739 MQJ327737:MQJ327739 NAF327737:NAF327739 NKB327737:NKB327739 NTX327737:NTX327739 ODT327737:ODT327739 ONP327737:ONP327739 OXL327737:OXL327739 PHH327737:PHH327739 PRD327737:PRD327739 QAZ327737:QAZ327739 QKV327737:QKV327739 QUR327737:QUR327739 REN327737:REN327739 ROJ327737:ROJ327739 RYF327737:RYF327739 SIB327737:SIB327739 SRX327737:SRX327739 TBT327737:TBT327739 TLP327737:TLP327739 TVL327737:TVL327739 UFH327737:UFH327739 UPD327737:UPD327739 UYZ327737:UYZ327739 VIV327737:VIV327739 VSR327737:VSR327739 WCN327737:WCN327739 WMJ327737:WMJ327739 WWF327737:WWF327739 X393273:X393275 JT393273:JT393275 TP393273:TP393275 ADL393273:ADL393275 ANH393273:ANH393275 AXD393273:AXD393275 BGZ393273:BGZ393275 BQV393273:BQV393275 CAR393273:CAR393275 CKN393273:CKN393275 CUJ393273:CUJ393275 DEF393273:DEF393275 DOB393273:DOB393275 DXX393273:DXX393275 EHT393273:EHT393275 ERP393273:ERP393275 FBL393273:FBL393275 FLH393273:FLH393275 FVD393273:FVD393275 GEZ393273:GEZ393275 GOV393273:GOV393275 GYR393273:GYR393275 HIN393273:HIN393275 HSJ393273:HSJ393275 ICF393273:ICF393275 IMB393273:IMB393275 IVX393273:IVX393275 JFT393273:JFT393275 JPP393273:JPP393275 JZL393273:JZL393275 KJH393273:KJH393275 KTD393273:KTD393275 LCZ393273:LCZ393275 LMV393273:LMV393275 LWR393273:LWR393275 MGN393273:MGN393275 MQJ393273:MQJ393275 NAF393273:NAF393275 NKB393273:NKB393275 NTX393273:NTX393275 ODT393273:ODT393275 ONP393273:ONP393275 OXL393273:OXL393275 PHH393273:PHH393275 PRD393273:PRD393275 QAZ393273:QAZ393275 QKV393273:QKV393275 QUR393273:QUR393275 REN393273:REN393275 ROJ393273:ROJ393275 RYF393273:RYF393275 SIB393273:SIB393275 SRX393273:SRX393275 TBT393273:TBT393275 TLP393273:TLP393275 TVL393273:TVL393275 UFH393273:UFH393275 UPD393273:UPD393275 UYZ393273:UYZ393275 VIV393273:VIV393275 VSR393273:VSR393275 WCN393273:WCN393275 WMJ393273:WMJ393275 WWF393273:WWF393275 X458809:X458811 JT458809:JT458811 TP458809:TP458811 ADL458809:ADL458811 ANH458809:ANH458811 AXD458809:AXD458811 BGZ458809:BGZ458811 BQV458809:BQV458811 CAR458809:CAR458811 CKN458809:CKN458811 CUJ458809:CUJ458811 DEF458809:DEF458811 DOB458809:DOB458811 DXX458809:DXX458811 EHT458809:EHT458811 ERP458809:ERP458811 FBL458809:FBL458811 FLH458809:FLH458811 FVD458809:FVD458811 GEZ458809:GEZ458811 GOV458809:GOV458811 GYR458809:GYR458811 HIN458809:HIN458811 HSJ458809:HSJ458811 ICF458809:ICF458811 IMB458809:IMB458811 IVX458809:IVX458811 JFT458809:JFT458811 JPP458809:JPP458811 JZL458809:JZL458811 KJH458809:KJH458811 KTD458809:KTD458811 LCZ458809:LCZ458811 LMV458809:LMV458811 LWR458809:LWR458811 MGN458809:MGN458811 MQJ458809:MQJ458811 NAF458809:NAF458811 NKB458809:NKB458811 NTX458809:NTX458811 ODT458809:ODT458811 ONP458809:ONP458811 OXL458809:OXL458811 PHH458809:PHH458811 PRD458809:PRD458811 QAZ458809:QAZ458811 QKV458809:QKV458811 QUR458809:QUR458811 REN458809:REN458811 ROJ458809:ROJ458811 RYF458809:RYF458811 SIB458809:SIB458811 SRX458809:SRX458811 TBT458809:TBT458811 TLP458809:TLP458811 TVL458809:TVL458811 UFH458809:UFH458811 UPD458809:UPD458811 UYZ458809:UYZ458811 VIV458809:VIV458811 VSR458809:VSR458811 WCN458809:WCN458811 WMJ458809:WMJ458811 WWF458809:WWF458811 X524345:X524347 JT524345:JT524347 TP524345:TP524347 ADL524345:ADL524347 ANH524345:ANH524347 AXD524345:AXD524347 BGZ524345:BGZ524347 BQV524345:BQV524347 CAR524345:CAR524347 CKN524345:CKN524347 CUJ524345:CUJ524347 DEF524345:DEF524347 DOB524345:DOB524347 DXX524345:DXX524347 EHT524345:EHT524347 ERP524345:ERP524347 FBL524345:FBL524347 FLH524345:FLH524347 FVD524345:FVD524347 GEZ524345:GEZ524347 GOV524345:GOV524347 GYR524345:GYR524347 HIN524345:HIN524347 HSJ524345:HSJ524347 ICF524345:ICF524347 IMB524345:IMB524347 IVX524345:IVX524347 JFT524345:JFT524347 JPP524345:JPP524347 JZL524345:JZL524347 KJH524345:KJH524347 KTD524345:KTD524347 LCZ524345:LCZ524347 LMV524345:LMV524347 LWR524345:LWR524347 MGN524345:MGN524347 MQJ524345:MQJ524347 NAF524345:NAF524347 NKB524345:NKB524347 NTX524345:NTX524347 ODT524345:ODT524347 ONP524345:ONP524347 OXL524345:OXL524347 PHH524345:PHH524347 PRD524345:PRD524347 QAZ524345:QAZ524347 QKV524345:QKV524347 QUR524345:QUR524347 REN524345:REN524347 ROJ524345:ROJ524347 RYF524345:RYF524347 SIB524345:SIB524347 SRX524345:SRX524347 TBT524345:TBT524347 TLP524345:TLP524347 TVL524345:TVL524347 UFH524345:UFH524347 UPD524345:UPD524347 UYZ524345:UYZ524347 VIV524345:VIV524347 VSR524345:VSR524347 WCN524345:WCN524347 WMJ524345:WMJ524347 WWF524345:WWF524347 X589881:X589883 JT589881:JT589883 TP589881:TP589883 ADL589881:ADL589883 ANH589881:ANH589883 AXD589881:AXD589883 BGZ589881:BGZ589883 BQV589881:BQV589883 CAR589881:CAR589883 CKN589881:CKN589883 CUJ589881:CUJ589883 DEF589881:DEF589883 DOB589881:DOB589883 DXX589881:DXX589883 EHT589881:EHT589883 ERP589881:ERP589883 FBL589881:FBL589883 FLH589881:FLH589883 FVD589881:FVD589883 GEZ589881:GEZ589883 GOV589881:GOV589883 GYR589881:GYR589883 HIN589881:HIN589883 HSJ589881:HSJ589883 ICF589881:ICF589883 IMB589881:IMB589883 IVX589881:IVX589883 JFT589881:JFT589883 JPP589881:JPP589883 JZL589881:JZL589883 KJH589881:KJH589883 KTD589881:KTD589883 LCZ589881:LCZ589883 LMV589881:LMV589883 LWR589881:LWR589883 MGN589881:MGN589883 MQJ589881:MQJ589883 NAF589881:NAF589883 NKB589881:NKB589883 NTX589881:NTX589883 ODT589881:ODT589883 ONP589881:ONP589883 OXL589881:OXL589883 PHH589881:PHH589883 PRD589881:PRD589883 QAZ589881:QAZ589883 QKV589881:QKV589883 QUR589881:QUR589883 REN589881:REN589883 ROJ589881:ROJ589883 RYF589881:RYF589883 SIB589881:SIB589883 SRX589881:SRX589883 TBT589881:TBT589883 TLP589881:TLP589883 TVL589881:TVL589883 UFH589881:UFH589883 UPD589881:UPD589883 UYZ589881:UYZ589883 VIV589881:VIV589883 VSR589881:VSR589883 WCN589881:WCN589883 WMJ589881:WMJ589883 WWF589881:WWF589883 X655417:X655419 JT655417:JT655419 TP655417:TP655419 ADL655417:ADL655419 ANH655417:ANH655419 AXD655417:AXD655419 BGZ655417:BGZ655419 BQV655417:BQV655419 CAR655417:CAR655419 CKN655417:CKN655419 CUJ655417:CUJ655419 DEF655417:DEF655419 DOB655417:DOB655419 DXX655417:DXX655419 EHT655417:EHT655419 ERP655417:ERP655419 FBL655417:FBL655419 FLH655417:FLH655419 FVD655417:FVD655419 GEZ655417:GEZ655419 GOV655417:GOV655419 GYR655417:GYR655419 HIN655417:HIN655419 HSJ655417:HSJ655419 ICF655417:ICF655419 IMB655417:IMB655419 IVX655417:IVX655419 JFT655417:JFT655419 JPP655417:JPP655419 JZL655417:JZL655419 KJH655417:KJH655419 KTD655417:KTD655419 LCZ655417:LCZ655419 LMV655417:LMV655419 LWR655417:LWR655419 MGN655417:MGN655419 MQJ655417:MQJ655419 NAF655417:NAF655419 NKB655417:NKB655419 NTX655417:NTX655419 ODT655417:ODT655419 ONP655417:ONP655419 OXL655417:OXL655419 PHH655417:PHH655419 PRD655417:PRD655419 QAZ655417:QAZ655419 QKV655417:QKV655419 QUR655417:QUR655419 REN655417:REN655419 ROJ655417:ROJ655419 RYF655417:RYF655419 SIB655417:SIB655419 SRX655417:SRX655419 TBT655417:TBT655419 TLP655417:TLP655419 TVL655417:TVL655419 UFH655417:UFH655419 UPD655417:UPD655419 UYZ655417:UYZ655419 VIV655417:VIV655419 VSR655417:VSR655419 WCN655417:WCN655419 WMJ655417:WMJ655419 WWF655417:WWF655419 X720953:X720955 JT720953:JT720955 TP720953:TP720955 ADL720953:ADL720955 ANH720953:ANH720955 AXD720953:AXD720955 BGZ720953:BGZ720955 BQV720953:BQV720955 CAR720953:CAR720955 CKN720953:CKN720955 CUJ720953:CUJ720955 DEF720953:DEF720955 DOB720953:DOB720955 DXX720953:DXX720955 EHT720953:EHT720955 ERP720953:ERP720955 FBL720953:FBL720955 FLH720953:FLH720955 FVD720953:FVD720955 GEZ720953:GEZ720955 GOV720953:GOV720955 GYR720953:GYR720955 HIN720953:HIN720955 HSJ720953:HSJ720955 ICF720953:ICF720955 IMB720953:IMB720955 IVX720953:IVX720955 JFT720953:JFT720955 JPP720953:JPP720955 JZL720953:JZL720955 KJH720953:KJH720955 KTD720953:KTD720955 LCZ720953:LCZ720955 LMV720953:LMV720955 LWR720953:LWR720955 MGN720953:MGN720955 MQJ720953:MQJ720955 NAF720953:NAF720955 NKB720953:NKB720955 NTX720953:NTX720955 ODT720953:ODT720955 ONP720953:ONP720955 OXL720953:OXL720955 PHH720953:PHH720955 PRD720953:PRD720955 QAZ720953:QAZ720955 QKV720953:QKV720955 QUR720953:QUR720955 REN720953:REN720955 ROJ720953:ROJ720955 RYF720953:RYF720955 SIB720953:SIB720955 SRX720953:SRX720955 TBT720953:TBT720955 TLP720953:TLP720955 TVL720953:TVL720955 UFH720953:UFH720955 UPD720953:UPD720955 UYZ720953:UYZ720955 VIV720953:VIV720955 VSR720953:VSR720955 WCN720953:WCN720955 WMJ720953:WMJ720955 WWF720953:WWF720955 X786489:X786491 JT786489:JT786491 TP786489:TP786491 ADL786489:ADL786491 ANH786489:ANH786491 AXD786489:AXD786491 BGZ786489:BGZ786491 BQV786489:BQV786491 CAR786489:CAR786491 CKN786489:CKN786491 CUJ786489:CUJ786491 DEF786489:DEF786491 DOB786489:DOB786491 DXX786489:DXX786491 EHT786489:EHT786491 ERP786489:ERP786491 FBL786489:FBL786491 FLH786489:FLH786491 FVD786489:FVD786491 GEZ786489:GEZ786491 GOV786489:GOV786491 GYR786489:GYR786491 HIN786489:HIN786491 HSJ786489:HSJ786491 ICF786489:ICF786491 IMB786489:IMB786491 IVX786489:IVX786491 JFT786489:JFT786491 JPP786489:JPP786491 JZL786489:JZL786491 KJH786489:KJH786491 KTD786489:KTD786491 LCZ786489:LCZ786491 LMV786489:LMV786491 LWR786489:LWR786491 MGN786489:MGN786491 MQJ786489:MQJ786491 NAF786489:NAF786491 NKB786489:NKB786491 NTX786489:NTX786491 ODT786489:ODT786491 ONP786489:ONP786491 OXL786489:OXL786491 PHH786489:PHH786491 PRD786489:PRD786491 QAZ786489:QAZ786491 QKV786489:QKV786491 QUR786489:QUR786491 REN786489:REN786491 ROJ786489:ROJ786491 RYF786489:RYF786491 SIB786489:SIB786491 SRX786489:SRX786491 TBT786489:TBT786491 TLP786489:TLP786491 TVL786489:TVL786491 UFH786489:UFH786491 UPD786489:UPD786491 UYZ786489:UYZ786491 VIV786489:VIV786491 VSR786489:VSR786491 WCN786489:WCN786491 WMJ786489:WMJ786491 WWF786489:WWF786491 X852025:X852027 JT852025:JT852027 TP852025:TP852027 ADL852025:ADL852027 ANH852025:ANH852027 AXD852025:AXD852027 BGZ852025:BGZ852027 BQV852025:BQV852027 CAR852025:CAR852027 CKN852025:CKN852027 CUJ852025:CUJ852027 DEF852025:DEF852027 DOB852025:DOB852027 DXX852025:DXX852027 EHT852025:EHT852027 ERP852025:ERP852027 FBL852025:FBL852027 FLH852025:FLH852027 FVD852025:FVD852027 GEZ852025:GEZ852027 GOV852025:GOV852027 GYR852025:GYR852027 HIN852025:HIN852027 HSJ852025:HSJ852027 ICF852025:ICF852027 IMB852025:IMB852027 IVX852025:IVX852027 JFT852025:JFT852027 JPP852025:JPP852027 JZL852025:JZL852027 KJH852025:KJH852027 KTD852025:KTD852027 LCZ852025:LCZ852027 LMV852025:LMV852027 LWR852025:LWR852027 MGN852025:MGN852027 MQJ852025:MQJ852027 NAF852025:NAF852027 NKB852025:NKB852027 NTX852025:NTX852027 ODT852025:ODT852027 ONP852025:ONP852027 OXL852025:OXL852027 PHH852025:PHH852027 PRD852025:PRD852027 QAZ852025:QAZ852027 QKV852025:QKV852027 QUR852025:QUR852027 REN852025:REN852027 ROJ852025:ROJ852027 RYF852025:RYF852027 SIB852025:SIB852027 SRX852025:SRX852027 TBT852025:TBT852027 TLP852025:TLP852027 TVL852025:TVL852027 UFH852025:UFH852027 UPD852025:UPD852027 UYZ852025:UYZ852027 VIV852025:VIV852027 VSR852025:VSR852027 WCN852025:WCN852027 WMJ852025:WMJ852027 WWF852025:WWF852027 X917561:X917563 JT917561:JT917563 TP917561:TP917563 ADL917561:ADL917563 ANH917561:ANH917563 AXD917561:AXD917563 BGZ917561:BGZ917563 BQV917561:BQV917563 CAR917561:CAR917563 CKN917561:CKN917563 CUJ917561:CUJ917563 DEF917561:DEF917563 DOB917561:DOB917563 DXX917561:DXX917563 EHT917561:EHT917563 ERP917561:ERP917563 FBL917561:FBL917563 FLH917561:FLH917563 FVD917561:FVD917563 GEZ917561:GEZ917563 GOV917561:GOV917563 GYR917561:GYR917563 HIN917561:HIN917563 HSJ917561:HSJ917563 ICF917561:ICF917563 IMB917561:IMB917563 IVX917561:IVX917563 JFT917561:JFT917563 JPP917561:JPP917563 JZL917561:JZL917563 KJH917561:KJH917563 KTD917561:KTD917563 LCZ917561:LCZ917563 LMV917561:LMV917563 LWR917561:LWR917563 MGN917561:MGN917563 MQJ917561:MQJ917563 NAF917561:NAF917563 NKB917561:NKB917563 NTX917561:NTX917563 ODT917561:ODT917563 ONP917561:ONP917563 OXL917561:OXL917563 PHH917561:PHH917563 PRD917561:PRD917563 QAZ917561:QAZ917563 QKV917561:QKV917563 QUR917561:QUR917563 REN917561:REN917563 ROJ917561:ROJ917563 RYF917561:RYF917563 SIB917561:SIB917563 SRX917561:SRX917563 TBT917561:TBT917563 TLP917561:TLP917563 TVL917561:TVL917563 UFH917561:UFH917563 UPD917561:UPD917563 UYZ917561:UYZ917563 VIV917561:VIV917563 VSR917561:VSR917563 WCN917561:WCN917563 WMJ917561:WMJ917563 WWF917561:WWF917563 X983097:X983099 JT983097:JT983099 TP983097:TP983099 ADL983097:ADL983099 ANH983097:ANH983099 AXD983097:AXD983099 BGZ983097:BGZ983099 BQV983097:BQV983099 CAR983097:CAR983099 CKN983097:CKN983099 CUJ983097:CUJ983099 DEF983097:DEF983099 DOB983097:DOB983099 DXX983097:DXX983099 EHT983097:EHT983099 ERP983097:ERP983099 FBL983097:FBL983099 FLH983097:FLH983099 FVD983097:FVD983099 GEZ983097:GEZ983099 GOV983097:GOV983099 GYR983097:GYR983099 HIN983097:HIN983099 HSJ983097:HSJ983099 ICF983097:ICF983099 IMB983097:IMB983099 IVX983097:IVX983099 JFT983097:JFT983099 JPP983097:JPP983099 JZL983097:JZL983099 KJH983097:KJH983099 KTD983097:KTD983099 LCZ983097:LCZ983099 LMV983097:LMV983099 LWR983097:LWR983099 MGN983097:MGN983099 MQJ983097:MQJ983099 NAF983097:NAF983099 NKB983097:NKB983099 NTX983097:NTX983099 ODT983097:ODT983099 ONP983097:ONP983099 OXL983097:OXL983099 PHH983097:PHH983099 PRD983097:PRD983099 QAZ983097:QAZ983099 QKV983097:QKV983099 QUR983097:QUR983099 REN983097:REN983099 ROJ983097:ROJ983099 RYF983097:RYF983099 SIB983097:SIB983099 SRX983097:SRX983099 TBT983097:TBT983099 TLP983097:TLP983099 TVL983097:TVL983099 UFH983097:UFH983099 UPD983097:UPD983099 UYZ983097:UYZ983099 VIV983097:VIV983099 VSR983097:VSR983099 WCN983097:WCN983099 WMJ983097:WMJ983099 WWF983097:WWF983099 V61 JR61 TN61 ADJ61 ANF61 AXB61 BGX61 BQT61 CAP61 CKL61 CUH61 DED61 DNZ61 DXV61 EHR61 ERN61 FBJ61 FLF61 FVB61 GEX61 GOT61 GYP61 HIL61 HSH61 ICD61 ILZ61 IVV61 JFR61 JPN61 JZJ61 KJF61 KTB61 LCX61 LMT61 LWP61 MGL61 MQH61 NAD61 NJZ61 NTV61 ODR61 ONN61 OXJ61 PHF61 PRB61 QAX61 QKT61 QUP61 REL61 ROH61 RYD61 SHZ61 SRV61 TBR61 TLN61 TVJ61 UFF61 UPB61 UYX61 VIT61 VSP61 WCL61 WMH61 WWD61 V65597 JR65597 TN65597 ADJ65597 ANF65597 AXB65597 BGX65597 BQT65597 CAP65597 CKL65597 CUH65597 DED65597 DNZ65597 DXV65597 EHR65597 ERN65597 FBJ65597 FLF65597 FVB65597 GEX65597 GOT65597 GYP65597 HIL65597 HSH65597 ICD65597 ILZ65597 IVV65597 JFR65597 JPN65597 JZJ65597 KJF65597 KTB65597 LCX65597 LMT65597 LWP65597 MGL65597 MQH65597 NAD65597 NJZ65597 NTV65597 ODR65597 ONN65597 OXJ65597 PHF65597 PRB65597 QAX65597 QKT65597 QUP65597 REL65597 ROH65597 RYD65597 SHZ65597 SRV65597 TBR65597 TLN65597 TVJ65597 UFF65597 UPB65597 UYX65597 VIT65597 VSP65597 WCL65597 WMH65597 WWD65597 V131133 JR131133 TN131133 ADJ131133 ANF131133 AXB131133 BGX131133 BQT131133 CAP131133 CKL131133 CUH131133 DED131133 DNZ131133 DXV131133 EHR131133 ERN131133 FBJ131133 FLF131133 FVB131133 GEX131133 GOT131133 GYP131133 HIL131133 HSH131133 ICD131133 ILZ131133 IVV131133 JFR131133 JPN131133 JZJ131133 KJF131133 KTB131133 LCX131133 LMT131133 LWP131133 MGL131133 MQH131133 NAD131133 NJZ131133 NTV131133 ODR131133 ONN131133 OXJ131133 PHF131133 PRB131133 QAX131133 QKT131133 QUP131133 REL131133 ROH131133 RYD131133 SHZ131133 SRV131133 TBR131133 TLN131133 TVJ131133 UFF131133 UPB131133 UYX131133 VIT131133 VSP131133 WCL131133 WMH131133 WWD131133 V196669 JR196669 TN196669 ADJ196669 ANF196669 AXB196669 BGX196669 BQT196669 CAP196669 CKL196669 CUH196669 DED196669 DNZ196669 DXV196669 EHR196669 ERN196669 FBJ196669 FLF196669 FVB196669 GEX196669 GOT196669 GYP196669 HIL196669 HSH196669 ICD196669 ILZ196669 IVV196669 JFR196669 JPN196669 JZJ196669 KJF196669 KTB196669 LCX196669 LMT196669 LWP196669 MGL196669 MQH196669 NAD196669 NJZ196669 NTV196669 ODR196669 ONN196669 OXJ196669 PHF196669 PRB196669 QAX196669 QKT196669 QUP196669 REL196669 ROH196669 RYD196669 SHZ196669 SRV196669 TBR196669 TLN196669 TVJ196669 UFF196669 UPB196669 UYX196669 VIT196669 VSP196669 WCL196669 WMH196669 WWD196669 V262205 JR262205 TN262205 ADJ262205 ANF262205 AXB262205 BGX262205 BQT262205 CAP262205 CKL262205 CUH262205 DED262205 DNZ262205 DXV262205 EHR262205 ERN262205 FBJ262205 FLF262205 FVB262205 GEX262205 GOT262205 GYP262205 HIL262205 HSH262205 ICD262205 ILZ262205 IVV262205 JFR262205 JPN262205 JZJ262205 KJF262205 KTB262205 LCX262205 LMT262205 LWP262205 MGL262205 MQH262205 NAD262205 NJZ262205 NTV262205 ODR262205 ONN262205 OXJ262205 PHF262205 PRB262205 QAX262205 QKT262205 QUP262205 REL262205 ROH262205 RYD262205 SHZ262205 SRV262205 TBR262205 TLN262205 TVJ262205 UFF262205 UPB262205 UYX262205 VIT262205 VSP262205 WCL262205 WMH262205 WWD262205 V327741 JR327741 TN327741 ADJ327741 ANF327741 AXB327741 BGX327741 BQT327741 CAP327741 CKL327741 CUH327741 DED327741 DNZ327741 DXV327741 EHR327741 ERN327741 FBJ327741 FLF327741 FVB327741 GEX327741 GOT327741 GYP327741 HIL327741 HSH327741 ICD327741 ILZ327741 IVV327741 JFR327741 JPN327741 JZJ327741 KJF327741 KTB327741 LCX327741 LMT327741 LWP327741 MGL327741 MQH327741 NAD327741 NJZ327741 NTV327741 ODR327741 ONN327741 OXJ327741 PHF327741 PRB327741 QAX327741 QKT327741 QUP327741 REL327741 ROH327741 RYD327741 SHZ327741 SRV327741 TBR327741 TLN327741 TVJ327741 UFF327741 UPB327741 UYX327741 VIT327741 VSP327741 WCL327741 WMH327741 WWD327741 V393277 JR393277 TN393277 ADJ393277 ANF393277 AXB393277 BGX393277 BQT393277 CAP393277 CKL393277 CUH393277 DED393277 DNZ393277 DXV393277 EHR393277 ERN393277 FBJ393277 FLF393277 FVB393277 GEX393277 GOT393277 GYP393277 HIL393277 HSH393277 ICD393277 ILZ393277 IVV393277 JFR393277 JPN393277 JZJ393277 KJF393277 KTB393277 LCX393277 LMT393277 LWP393277 MGL393277 MQH393277 NAD393277 NJZ393277 NTV393277 ODR393277 ONN393277 OXJ393277 PHF393277 PRB393277 QAX393277 QKT393277 QUP393277 REL393277 ROH393277 RYD393277 SHZ393277 SRV393277 TBR393277 TLN393277 TVJ393277 UFF393277 UPB393277 UYX393277 VIT393277 VSP393277 WCL393277 WMH393277 WWD393277 V458813 JR458813 TN458813 ADJ458813 ANF458813 AXB458813 BGX458813 BQT458813 CAP458813 CKL458813 CUH458813 DED458813 DNZ458813 DXV458813 EHR458813 ERN458813 FBJ458813 FLF458813 FVB458813 GEX458813 GOT458813 GYP458813 HIL458813 HSH458813 ICD458813 ILZ458813 IVV458813 JFR458813 JPN458813 JZJ458813 KJF458813 KTB458813 LCX458813 LMT458813 LWP458813 MGL458813 MQH458813 NAD458813 NJZ458813 NTV458813 ODR458813 ONN458813 OXJ458813 PHF458813 PRB458813 QAX458813 QKT458813 QUP458813 REL458813 ROH458813 RYD458813 SHZ458813 SRV458813 TBR458813 TLN458813 TVJ458813 UFF458813 UPB458813 UYX458813 VIT458813 VSP458813 WCL458813 WMH458813 WWD458813 V524349 JR524349 TN524349 ADJ524349 ANF524349 AXB524349 BGX524349 BQT524349 CAP524349 CKL524349 CUH524349 DED524349 DNZ524349 DXV524349 EHR524349 ERN524349 FBJ524349 FLF524349 FVB524349 GEX524349 GOT524349 GYP524349 HIL524349 HSH524349 ICD524349 ILZ524349 IVV524349 JFR524349 JPN524349 JZJ524349 KJF524349 KTB524349 LCX524349 LMT524349 LWP524349 MGL524349 MQH524349 NAD524349 NJZ524349 NTV524349 ODR524349 ONN524349 OXJ524349 PHF524349 PRB524349 QAX524349 QKT524349 QUP524349 REL524349 ROH524349 RYD524349 SHZ524349 SRV524349 TBR524349 TLN524349 TVJ524349 UFF524349 UPB524349 UYX524349 VIT524349 VSP524349 WCL524349 WMH524349 WWD524349 V589885 JR589885 TN589885 ADJ589885 ANF589885 AXB589885 BGX589885 BQT589885 CAP589885 CKL589885 CUH589885 DED589885 DNZ589885 DXV589885 EHR589885 ERN589885 FBJ589885 FLF589885 FVB589885 GEX589885 GOT589885 GYP589885 HIL589885 HSH589885 ICD589885 ILZ589885 IVV589885 JFR589885 JPN589885 JZJ589885 KJF589885 KTB589885 LCX589885 LMT589885 LWP589885 MGL589885 MQH589885 NAD589885 NJZ589885 NTV589885 ODR589885 ONN589885 OXJ589885 PHF589885 PRB589885 QAX589885 QKT589885 QUP589885 REL589885 ROH589885 RYD589885 SHZ589885 SRV589885 TBR589885 TLN589885 TVJ589885 UFF589885 UPB589885 UYX589885 VIT589885 VSP589885 WCL589885 WMH589885 WWD589885 V655421 JR655421 TN655421 ADJ655421 ANF655421 AXB655421 BGX655421 BQT655421 CAP655421 CKL655421 CUH655421 DED655421 DNZ655421 DXV655421 EHR655421 ERN655421 FBJ655421 FLF655421 FVB655421 GEX655421 GOT655421 GYP655421 HIL655421 HSH655421 ICD655421 ILZ655421 IVV655421 JFR655421 JPN655421 JZJ655421 KJF655421 KTB655421 LCX655421 LMT655421 LWP655421 MGL655421 MQH655421 NAD655421 NJZ655421 NTV655421 ODR655421 ONN655421 OXJ655421 PHF655421 PRB655421 QAX655421 QKT655421 QUP655421 REL655421 ROH655421 RYD655421 SHZ655421 SRV655421 TBR655421 TLN655421 TVJ655421 UFF655421 UPB655421 UYX655421 VIT655421 VSP655421 WCL655421 WMH655421 WWD655421 V720957 JR720957 TN720957 ADJ720957 ANF720957 AXB720957 BGX720957 BQT720957 CAP720957 CKL720957 CUH720957 DED720957 DNZ720957 DXV720957 EHR720957 ERN720957 FBJ720957 FLF720957 FVB720957 GEX720957 GOT720957 GYP720957 HIL720957 HSH720957 ICD720957 ILZ720957 IVV720957 JFR720957 JPN720957 JZJ720957 KJF720957 KTB720957 LCX720957 LMT720957 LWP720957 MGL720957 MQH720957 NAD720957 NJZ720957 NTV720957 ODR720957 ONN720957 OXJ720957 PHF720957 PRB720957 QAX720957 QKT720957 QUP720957 REL720957 ROH720957 RYD720957 SHZ720957 SRV720957 TBR720957 TLN720957 TVJ720957 UFF720957 UPB720957 UYX720957 VIT720957 VSP720957 WCL720957 WMH720957 WWD720957 V786493 JR786493 TN786493 ADJ786493 ANF786493 AXB786493 BGX786493 BQT786493 CAP786493 CKL786493 CUH786493 DED786493 DNZ786493 DXV786493 EHR786493 ERN786493 FBJ786493 FLF786493 FVB786493 GEX786493 GOT786493 GYP786493 HIL786493 HSH786493 ICD786493 ILZ786493 IVV786493 JFR786493 JPN786493 JZJ786493 KJF786493 KTB786493 LCX786493 LMT786493 LWP786493 MGL786493 MQH786493 NAD786493 NJZ786493 NTV786493 ODR786493 ONN786493 OXJ786493 PHF786493 PRB786493 QAX786493 QKT786493 QUP786493 REL786493 ROH786493 RYD786493 SHZ786493 SRV786493 TBR786493 TLN786493 TVJ786493 UFF786493 UPB786493 UYX786493 VIT786493 VSP786493 WCL786493 WMH786493 WWD786493 V852029 JR852029 TN852029 ADJ852029 ANF852029 AXB852029 BGX852029 BQT852029 CAP852029 CKL852029 CUH852029 DED852029 DNZ852029 DXV852029 EHR852029 ERN852029 FBJ852029 FLF852029 FVB852029 GEX852029 GOT852029 GYP852029 HIL852029 HSH852029 ICD852029 ILZ852029 IVV852029 JFR852029 JPN852029 JZJ852029 KJF852029 KTB852029 LCX852029 LMT852029 LWP852029 MGL852029 MQH852029 NAD852029 NJZ852029 NTV852029 ODR852029 ONN852029 OXJ852029 PHF852029 PRB852029 QAX852029 QKT852029 QUP852029 REL852029 ROH852029 RYD852029 SHZ852029 SRV852029 TBR852029 TLN852029 TVJ852029 UFF852029 UPB852029 UYX852029 VIT852029 VSP852029 WCL852029 WMH852029 WWD852029 V917565 JR917565 TN917565 ADJ917565 ANF917565 AXB917565 BGX917565 BQT917565 CAP917565 CKL917565 CUH917565 DED917565 DNZ917565 DXV917565 EHR917565 ERN917565 FBJ917565 FLF917565 FVB917565 GEX917565 GOT917565 GYP917565 HIL917565 HSH917565 ICD917565 ILZ917565 IVV917565 JFR917565 JPN917565 JZJ917565 KJF917565 KTB917565 LCX917565 LMT917565 LWP917565 MGL917565 MQH917565 NAD917565 NJZ917565 NTV917565 ODR917565 ONN917565 OXJ917565 PHF917565 PRB917565 QAX917565 QKT917565 QUP917565 REL917565 ROH917565 RYD917565 SHZ917565 SRV917565 TBR917565 TLN917565 TVJ917565 UFF917565 UPB917565 UYX917565 VIT917565 VSP917565 WCL917565 WMH917565 WWD917565 V983101 JR983101 TN983101 ADJ983101 ANF983101 AXB983101 BGX983101 BQT983101 CAP983101 CKL983101 CUH983101 DED983101 DNZ983101 DXV983101 EHR983101 ERN983101 FBJ983101 FLF983101 FVB983101 GEX983101 GOT983101 GYP983101 HIL983101 HSH983101 ICD983101 ILZ983101 IVV983101 JFR983101 JPN983101 JZJ983101 KJF983101 KTB983101 LCX983101 LMT983101 LWP983101 MGL983101 MQH983101 NAD983101 NJZ983101 NTV983101 ODR983101 ONN983101 OXJ983101 PHF983101 PRB983101 QAX983101 QKT983101 QUP983101 REL983101 ROH983101 RYD983101 SHZ983101 SRV983101 TBR983101 TLN983101 TVJ983101 UFF983101 UPB983101 UYX983101 VIT983101 VSP983101 WCL983101 WMH983101 WWD983101 X61 JT61 TP61 ADL61 ANH61 AXD61 BGZ61 BQV61 CAR61 CKN61 CUJ61 DEF61 DOB61 DXX61 EHT61 ERP61 FBL61 FLH61 FVD61 GEZ61 GOV61 GYR61 HIN61 HSJ61 ICF61 IMB61 IVX61 JFT61 JPP61 JZL61 KJH61 KTD61 LCZ61 LMV61 LWR61 MGN61 MQJ61 NAF61 NKB61 NTX61 ODT61 ONP61 OXL61 PHH61 PRD61 QAZ61 QKV61 QUR61 REN61 ROJ61 RYF61 SIB61 SRX61 TBT61 TLP61 TVL61 UFH61 UPD61 UYZ61 VIV61 VSR61 WCN61 WMJ61 WWF61 X65597 JT65597 TP65597 ADL65597 ANH65597 AXD65597 BGZ65597 BQV65597 CAR65597 CKN65597 CUJ65597 DEF65597 DOB65597 DXX65597 EHT65597 ERP65597 FBL65597 FLH65597 FVD65597 GEZ65597 GOV65597 GYR65597 HIN65597 HSJ65597 ICF65597 IMB65597 IVX65597 JFT65597 JPP65597 JZL65597 KJH65597 KTD65597 LCZ65597 LMV65597 LWR65597 MGN65597 MQJ65597 NAF65597 NKB65597 NTX65597 ODT65597 ONP65597 OXL65597 PHH65597 PRD65597 QAZ65597 QKV65597 QUR65597 REN65597 ROJ65597 RYF65597 SIB65597 SRX65597 TBT65597 TLP65597 TVL65597 UFH65597 UPD65597 UYZ65597 VIV65597 VSR65597 WCN65597 WMJ65597 WWF65597 X131133 JT131133 TP131133 ADL131133 ANH131133 AXD131133 BGZ131133 BQV131133 CAR131133 CKN131133 CUJ131133 DEF131133 DOB131133 DXX131133 EHT131133 ERP131133 FBL131133 FLH131133 FVD131133 GEZ131133 GOV131133 GYR131133 HIN131133 HSJ131133 ICF131133 IMB131133 IVX131133 JFT131133 JPP131133 JZL131133 KJH131133 KTD131133 LCZ131133 LMV131133 LWR131133 MGN131133 MQJ131133 NAF131133 NKB131133 NTX131133 ODT131133 ONP131133 OXL131133 PHH131133 PRD131133 QAZ131133 QKV131133 QUR131133 REN131133 ROJ131133 RYF131133 SIB131133 SRX131133 TBT131133 TLP131133 TVL131133 UFH131133 UPD131133 UYZ131133 VIV131133 VSR131133 WCN131133 WMJ131133 WWF131133 X196669 JT196669 TP196669 ADL196669 ANH196669 AXD196669 BGZ196669 BQV196669 CAR196669 CKN196669 CUJ196669 DEF196669 DOB196669 DXX196669 EHT196669 ERP196669 FBL196669 FLH196669 FVD196669 GEZ196669 GOV196669 GYR196669 HIN196669 HSJ196669 ICF196669 IMB196669 IVX196669 JFT196669 JPP196669 JZL196669 KJH196669 KTD196669 LCZ196669 LMV196669 LWR196669 MGN196669 MQJ196669 NAF196669 NKB196669 NTX196669 ODT196669 ONP196669 OXL196669 PHH196669 PRD196669 QAZ196669 QKV196669 QUR196669 REN196669 ROJ196669 RYF196669 SIB196669 SRX196669 TBT196669 TLP196669 TVL196669 UFH196669 UPD196669 UYZ196669 VIV196669 VSR196669 WCN196669 WMJ196669 WWF196669 X262205 JT262205 TP262205 ADL262205 ANH262205 AXD262205 BGZ262205 BQV262205 CAR262205 CKN262205 CUJ262205 DEF262205 DOB262205 DXX262205 EHT262205 ERP262205 FBL262205 FLH262205 FVD262205 GEZ262205 GOV262205 GYR262205 HIN262205 HSJ262205 ICF262205 IMB262205 IVX262205 JFT262205 JPP262205 JZL262205 KJH262205 KTD262205 LCZ262205 LMV262205 LWR262205 MGN262205 MQJ262205 NAF262205 NKB262205 NTX262205 ODT262205 ONP262205 OXL262205 PHH262205 PRD262205 QAZ262205 QKV262205 QUR262205 REN262205 ROJ262205 RYF262205 SIB262205 SRX262205 TBT262205 TLP262205 TVL262205 UFH262205 UPD262205 UYZ262205 VIV262205 VSR262205 WCN262205 WMJ262205 WWF262205 X327741 JT327741 TP327741 ADL327741 ANH327741 AXD327741 BGZ327741 BQV327741 CAR327741 CKN327741 CUJ327741 DEF327741 DOB327741 DXX327741 EHT327741 ERP327741 FBL327741 FLH327741 FVD327741 GEZ327741 GOV327741 GYR327741 HIN327741 HSJ327741 ICF327741 IMB327741 IVX327741 JFT327741 JPP327741 JZL327741 KJH327741 KTD327741 LCZ327741 LMV327741 LWR327741 MGN327741 MQJ327741 NAF327741 NKB327741 NTX327741 ODT327741 ONP327741 OXL327741 PHH327741 PRD327741 QAZ327741 QKV327741 QUR327741 REN327741 ROJ327741 RYF327741 SIB327741 SRX327741 TBT327741 TLP327741 TVL327741 UFH327741 UPD327741 UYZ327741 VIV327741 VSR327741 WCN327741 WMJ327741 WWF327741 X393277 JT393277 TP393277 ADL393277 ANH393277 AXD393277 BGZ393277 BQV393277 CAR393277 CKN393277 CUJ393277 DEF393277 DOB393277 DXX393277 EHT393277 ERP393277 FBL393277 FLH393277 FVD393277 GEZ393277 GOV393277 GYR393277 HIN393277 HSJ393277 ICF393277 IMB393277 IVX393277 JFT393277 JPP393277 JZL393277 KJH393277 KTD393277 LCZ393277 LMV393277 LWR393277 MGN393277 MQJ393277 NAF393277 NKB393277 NTX393277 ODT393277 ONP393277 OXL393277 PHH393277 PRD393277 QAZ393277 QKV393277 QUR393277 REN393277 ROJ393277 RYF393277 SIB393277 SRX393277 TBT393277 TLP393277 TVL393277 UFH393277 UPD393277 UYZ393277 VIV393277 VSR393277 WCN393277 WMJ393277 WWF393277 X458813 JT458813 TP458813 ADL458813 ANH458813 AXD458813 BGZ458813 BQV458813 CAR458813 CKN458813 CUJ458813 DEF458813 DOB458813 DXX458813 EHT458813 ERP458813 FBL458813 FLH458813 FVD458813 GEZ458813 GOV458813 GYR458813 HIN458813 HSJ458813 ICF458813 IMB458813 IVX458813 JFT458813 JPP458813 JZL458813 KJH458813 KTD458813 LCZ458813 LMV458813 LWR458813 MGN458813 MQJ458813 NAF458813 NKB458813 NTX458813 ODT458813 ONP458813 OXL458813 PHH458813 PRD458813 QAZ458813 QKV458813 QUR458813 REN458813 ROJ458813 RYF458813 SIB458813 SRX458813 TBT458813 TLP458813 TVL458813 UFH458813 UPD458813 UYZ458813 VIV458813 VSR458813 WCN458813 WMJ458813 WWF458813 X524349 JT524349 TP524349 ADL524349 ANH524349 AXD524349 BGZ524349 BQV524349 CAR524349 CKN524349 CUJ524349 DEF524349 DOB524349 DXX524349 EHT524349 ERP524349 FBL524349 FLH524349 FVD524349 GEZ524349 GOV524349 GYR524349 HIN524349 HSJ524349 ICF524349 IMB524349 IVX524349 JFT524349 JPP524349 JZL524349 KJH524349 KTD524349 LCZ524349 LMV524349 LWR524349 MGN524349 MQJ524349 NAF524349 NKB524349 NTX524349 ODT524349 ONP524349 OXL524349 PHH524349 PRD524349 QAZ524349 QKV524349 QUR524349 REN524349 ROJ524349 RYF524349 SIB524349 SRX524349 TBT524349 TLP524349 TVL524349 UFH524349 UPD524349 UYZ524349 VIV524349 VSR524349 WCN524349 WMJ524349 WWF524349 X589885 JT589885 TP589885 ADL589885 ANH589885 AXD589885 BGZ589885 BQV589885 CAR589885 CKN589885 CUJ589885 DEF589885 DOB589885 DXX589885 EHT589885 ERP589885 FBL589885 FLH589885 FVD589885 GEZ589885 GOV589885 GYR589885 HIN589885 HSJ589885 ICF589885 IMB589885 IVX589885 JFT589885 JPP589885 JZL589885 KJH589885 KTD589885 LCZ589885 LMV589885 LWR589885 MGN589885 MQJ589885 NAF589885 NKB589885 NTX589885 ODT589885 ONP589885 OXL589885 PHH589885 PRD589885 QAZ589885 QKV589885 QUR589885 REN589885 ROJ589885 RYF589885 SIB589885 SRX589885 TBT589885 TLP589885 TVL589885 UFH589885 UPD589885 UYZ589885 VIV589885 VSR589885 WCN589885 WMJ589885 WWF589885 X655421 JT655421 TP655421 ADL655421 ANH655421 AXD655421 BGZ655421 BQV655421 CAR655421 CKN655421 CUJ655421 DEF655421 DOB655421 DXX655421 EHT655421 ERP655421 FBL655421 FLH655421 FVD655421 GEZ655421 GOV655421 GYR655421 HIN655421 HSJ655421 ICF655421 IMB655421 IVX655421 JFT655421 JPP655421 JZL655421 KJH655421 KTD655421 LCZ655421 LMV655421 LWR655421 MGN655421 MQJ655421 NAF655421 NKB655421 NTX655421 ODT655421 ONP655421 OXL655421 PHH655421 PRD655421 QAZ655421 QKV655421 QUR655421 REN655421 ROJ655421 RYF655421 SIB655421 SRX655421 TBT655421 TLP655421 TVL655421 UFH655421 UPD655421 UYZ655421 VIV655421 VSR655421 WCN655421 WMJ655421 WWF655421 X720957 JT720957 TP720957 ADL720957 ANH720957 AXD720957 BGZ720957 BQV720957 CAR720957 CKN720957 CUJ720957 DEF720957 DOB720957 DXX720957 EHT720957 ERP720957 FBL720957 FLH720957 FVD720957 GEZ720957 GOV720957 GYR720957 HIN720957 HSJ720957 ICF720957 IMB720957 IVX720957 JFT720957 JPP720957 JZL720957 KJH720957 KTD720957 LCZ720957 LMV720957 LWR720957 MGN720957 MQJ720957 NAF720957 NKB720957 NTX720957 ODT720957 ONP720957 OXL720957 PHH720957 PRD720957 QAZ720957 QKV720957 QUR720957 REN720957 ROJ720957 RYF720957 SIB720957 SRX720957 TBT720957 TLP720957 TVL720957 UFH720957 UPD720957 UYZ720957 VIV720957 VSR720957 WCN720957 WMJ720957 WWF720957 X786493 JT786493 TP786493 ADL786493 ANH786493 AXD786493 BGZ786493 BQV786493 CAR786493 CKN786493 CUJ786493 DEF786493 DOB786493 DXX786493 EHT786493 ERP786493 FBL786493 FLH786493 FVD786493 GEZ786493 GOV786493 GYR786493 HIN786493 HSJ786493 ICF786493 IMB786493 IVX786493 JFT786493 JPP786493 JZL786493 KJH786493 KTD786493 LCZ786493 LMV786493 LWR786493 MGN786493 MQJ786493 NAF786493 NKB786493 NTX786493 ODT786493 ONP786493 OXL786493 PHH786493 PRD786493 QAZ786493 QKV786493 QUR786493 REN786493 ROJ786493 RYF786493 SIB786493 SRX786493 TBT786493 TLP786493 TVL786493 UFH786493 UPD786493 UYZ786493 VIV786493 VSR786493 WCN786493 WMJ786493 WWF786493 X852029 JT852029 TP852029 ADL852029 ANH852029 AXD852029 BGZ852029 BQV852029 CAR852029 CKN852029 CUJ852029 DEF852029 DOB852029 DXX852029 EHT852029 ERP852029 FBL852029 FLH852029 FVD852029 GEZ852029 GOV852029 GYR852029 HIN852029 HSJ852029 ICF852029 IMB852029 IVX852029 JFT852029 JPP852029 JZL852029 KJH852029 KTD852029 LCZ852029 LMV852029 LWR852029 MGN852029 MQJ852029 NAF852029 NKB852029 NTX852029 ODT852029 ONP852029 OXL852029 PHH852029 PRD852029 QAZ852029 QKV852029 QUR852029 REN852029 ROJ852029 RYF852029 SIB852029 SRX852029 TBT852029 TLP852029 TVL852029 UFH852029 UPD852029 UYZ852029 VIV852029 VSR852029 WCN852029 WMJ852029 WWF852029 X917565 JT917565 TP917565 ADL917565 ANH917565 AXD917565 BGZ917565 BQV917565 CAR917565 CKN917565 CUJ917565 DEF917565 DOB917565 DXX917565 EHT917565 ERP917565 FBL917565 FLH917565 FVD917565 GEZ917565 GOV917565 GYR917565 HIN917565 HSJ917565 ICF917565 IMB917565 IVX917565 JFT917565 JPP917565 JZL917565 KJH917565 KTD917565 LCZ917565 LMV917565 LWR917565 MGN917565 MQJ917565 NAF917565 NKB917565 NTX917565 ODT917565 ONP917565 OXL917565 PHH917565 PRD917565 QAZ917565 QKV917565 QUR917565 REN917565 ROJ917565 RYF917565 SIB917565 SRX917565 TBT917565 TLP917565 TVL917565 UFH917565 UPD917565 UYZ917565 VIV917565 VSR917565 WCN917565 WMJ917565 WWF917565 X983101 JT983101 TP983101 ADL983101 ANH983101 AXD983101 BGZ983101 BQV983101 CAR983101 CKN983101 CUJ983101 DEF983101 DOB983101 DXX983101 EHT983101 ERP983101 FBL983101 FLH983101 FVD983101 GEZ983101 GOV983101 GYR983101 HIN983101 HSJ983101 ICF983101 IMB983101 IVX983101 JFT983101 JPP983101 JZL983101 KJH983101 KTD983101 LCZ983101 LMV983101 LWR983101 MGN983101 MQJ983101 NAF983101 NKB983101 NTX983101 ODT983101 ONP983101 OXL983101 PHH983101 PRD983101 QAZ983101 QKV983101 QUR983101 REN983101 ROJ983101 RYF983101 SIB983101 SRX983101 TBT983101 TLP983101 TVL983101 UFH983101 UPD983101 UYZ983101 VIV983101 VSR983101 WCN983101 WMJ983101 WWF983101 L89 JH89 TD89 ACZ89 AMV89 AWR89 BGN89 BQJ89 CAF89 CKB89 CTX89 DDT89 DNP89 DXL89 EHH89 ERD89 FAZ89 FKV89 FUR89 GEN89 GOJ89 GYF89 HIB89 HRX89 IBT89 ILP89 IVL89 JFH89 JPD89 JYZ89 KIV89 KSR89 LCN89 LMJ89 LWF89 MGB89 MPX89 MZT89 NJP89 NTL89 ODH89 OND89 OWZ89 PGV89 PQR89 QAN89 QKJ89 QUF89 REB89 RNX89 RXT89 SHP89 SRL89 TBH89 TLD89 TUZ89 UEV89 UOR89 UYN89 VIJ89 VSF89 WCB89 WLX89 WVT89 L65625 JH65625 TD65625 ACZ65625 AMV65625 AWR65625 BGN65625 BQJ65625 CAF65625 CKB65625 CTX65625 DDT65625 DNP65625 DXL65625 EHH65625 ERD65625 FAZ65625 FKV65625 FUR65625 GEN65625 GOJ65625 GYF65625 HIB65625 HRX65625 IBT65625 ILP65625 IVL65625 JFH65625 JPD65625 JYZ65625 KIV65625 KSR65625 LCN65625 LMJ65625 LWF65625 MGB65625 MPX65625 MZT65625 NJP65625 NTL65625 ODH65625 OND65625 OWZ65625 PGV65625 PQR65625 QAN65625 QKJ65625 QUF65625 REB65625 RNX65625 RXT65625 SHP65625 SRL65625 TBH65625 TLD65625 TUZ65625 UEV65625 UOR65625 UYN65625 VIJ65625 VSF65625 WCB65625 WLX65625 WVT65625 L131161 JH131161 TD131161 ACZ131161 AMV131161 AWR131161 BGN131161 BQJ131161 CAF131161 CKB131161 CTX131161 DDT131161 DNP131161 DXL131161 EHH131161 ERD131161 FAZ131161 FKV131161 FUR131161 GEN131161 GOJ131161 GYF131161 HIB131161 HRX131161 IBT131161 ILP131161 IVL131161 JFH131161 JPD131161 JYZ131161 KIV131161 KSR131161 LCN131161 LMJ131161 LWF131161 MGB131161 MPX131161 MZT131161 NJP131161 NTL131161 ODH131161 OND131161 OWZ131161 PGV131161 PQR131161 QAN131161 QKJ131161 QUF131161 REB131161 RNX131161 RXT131161 SHP131161 SRL131161 TBH131161 TLD131161 TUZ131161 UEV131161 UOR131161 UYN131161 VIJ131161 VSF131161 WCB131161 WLX131161 WVT131161 L196697 JH196697 TD196697 ACZ196697 AMV196697 AWR196697 BGN196697 BQJ196697 CAF196697 CKB196697 CTX196697 DDT196697 DNP196697 DXL196697 EHH196697 ERD196697 FAZ196697 FKV196697 FUR196697 GEN196697 GOJ196697 GYF196697 HIB196697 HRX196697 IBT196697 ILP196697 IVL196697 JFH196697 JPD196697 JYZ196697 KIV196697 KSR196697 LCN196697 LMJ196697 LWF196697 MGB196697 MPX196697 MZT196697 NJP196697 NTL196697 ODH196697 OND196697 OWZ196697 PGV196697 PQR196697 QAN196697 QKJ196697 QUF196697 REB196697 RNX196697 RXT196697 SHP196697 SRL196697 TBH196697 TLD196697 TUZ196697 UEV196697 UOR196697 UYN196697 VIJ196697 VSF196697 WCB196697 WLX196697 WVT196697 L262233 JH262233 TD262233 ACZ262233 AMV262233 AWR262233 BGN262233 BQJ262233 CAF262233 CKB262233 CTX262233 DDT262233 DNP262233 DXL262233 EHH262233 ERD262233 FAZ262233 FKV262233 FUR262233 GEN262233 GOJ262233 GYF262233 HIB262233 HRX262233 IBT262233 ILP262233 IVL262233 JFH262233 JPD262233 JYZ262233 KIV262233 KSR262233 LCN262233 LMJ262233 LWF262233 MGB262233 MPX262233 MZT262233 NJP262233 NTL262233 ODH262233 OND262233 OWZ262233 PGV262233 PQR262233 QAN262233 QKJ262233 QUF262233 REB262233 RNX262233 RXT262233 SHP262233 SRL262233 TBH262233 TLD262233 TUZ262233 UEV262233 UOR262233 UYN262233 VIJ262233 VSF262233 WCB262233 WLX262233 WVT262233 L327769 JH327769 TD327769 ACZ327769 AMV327769 AWR327769 BGN327769 BQJ327769 CAF327769 CKB327769 CTX327769 DDT327769 DNP327769 DXL327769 EHH327769 ERD327769 FAZ327769 FKV327769 FUR327769 GEN327769 GOJ327769 GYF327769 HIB327769 HRX327769 IBT327769 ILP327769 IVL327769 JFH327769 JPD327769 JYZ327769 KIV327769 KSR327769 LCN327769 LMJ327769 LWF327769 MGB327769 MPX327769 MZT327769 NJP327769 NTL327769 ODH327769 OND327769 OWZ327769 PGV327769 PQR327769 QAN327769 QKJ327769 QUF327769 REB327769 RNX327769 RXT327769 SHP327769 SRL327769 TBH327769 TLD327769 TUZ327769 UEV327769 UOR327769 UYN327769 VIJ327769 VSF327769 WCB327769 WLX327769 WVT327769 L393305 JH393305 TD393305 ACZ393305 AMV393305 AWR393305 BGN393305 BQJ393305 CAF393305 CKB393305 CTX393305 DDT393305 DNP393305 DXL393305 EHH393305 ERD393305 FAZ393305 FKV393305 FUR393305 GEN393305 GOJ393305 GYF393305 HIB393305 HRX393305 IBT393305 ILP393305 IVL393305 JFH393305 JPD393305 JYZ393305 KIV393305 KSR393305 LCN393305 LMJ393305 LWF393305 MGB393305 MPX393305 MZT393305 NJP393305 NTL393305 ODH393305 OND393305 OWZ393305 PGV393305 PQR393305 QAN393305 QKJ393305 QUF393305 REB393305 RNX393305 RXT393305 SHP393305 SRL393305 TBH393305 TLD393305 TUZ393305 UEV393305 UOR393305 UYN393305 VIJ393305 VSF393305 WCB393305 WLX393305 WVT393305 L458841 JH458841 TD458841 ACZ458841 AMV458841 AWR458841 BGN458841 BQJ458841 CAF458841 CKB458841 CTX458841 DDT458841 DNP458841 DXL458841 EHH458841 ERD458841 FAZ458841 FKV458841 FUR458841 GEN458841 GOJ458841 GYF458841 HIB458841 HRX458841 IBT458841 ILP458841 IVL458841 JFH458841 JPD458841 JYZ458841 KIV458841 KSR458841 LCN458841 LMJ458841 LWF458841 MGB458841 MPX458841 MZT458841 NJP458841 NTL458841 ODH458841 OND458841 OWZ458841 PGV458841 PQR458841 QAN458841 QKJ458841 QUF458841 REB458841 RNX458841 RXT458841 SHP458841 SRL458841 TBH458841 TLD458841 TUZ458841 UEV458841 UOR458841 UYN458841 VIJ458841 VSF458841 WCB458841 WLX458841 WVT458841 L524377 JH524377 TD524377 ACZ524377 AMV524377 AWR524377 BGN524377 BQJ524377 CAF524377 CKB524377 CTX524377 DDT524377 DNP524377 DXL524377 EHH524377 ERD524377 FAZ524377 FKV524377 FUR524377 GEN524377 GOJ524377 GYF524377 HIB524377 HRX524377 IBT524377 ILP524377 IVL524377 JFH524377 JPD524377 JYZ524377 KIV524377 KSR524377 LCN524377 LMJ524377 LWF524377 MGB524377 MPX524377 MZT524377 NJP524377 NTL524377 ODH524377 OND524377 OWZ524377 PGV524377 PQR524377 QAN524377 QKJ524377 QUF524377 REB524377 RNX524377 RXT524377 SHP524377 SRL524377 TBH524377 TLD524377 TUZ524377 UEV524377 UOR524377 UYN524377 VIJ524377 VSF524377 WCB524377 WLX524377 WVT524377 L589913 JH589913 TD589913 ACZ589913 AMV589913 AWR589913 BGN589913 BQJ589913 CAF589913 CKB589913 CTX589913 DDT589913 DNP589913 DXL589913 EHH589913 ERD589913 FAZ589913 FKV589913 FUR589913 GEN589913 GOJ589913 GYF589913 HIB589913 HRX589913 IBT589913 ILP589913 IVL589913 JFH589913 JPD589913 JYZ589913 KIV589913 KSR589913 LCN589913 LMJ589913 LWF589913 MGB589913 MPX589913 MZT589913 NJP589913 NTL589913 ODH589913 OND589913 OWZ589913 PGV589913 PQR589913 QAN589913 QKJ589913 QUF589913 REB589913 RNX589913 RXT589913 SHP589913 SRL589913 TBH589913 TLD589913 TUZ589913 UEV589913 UOR589913 UYN589913 VIJ589913 VSF589913 WCB589913 WLX589913 WVT589913 L655449 JH655449 TD655449 ACZ655449 AMV655449 AWR655449 BGN655449 BQJ655449 CAF655449 CKB655449 CTX655449 DDT655449 DNP655449 DXL655449 EHH655449 ERD655449 FAZ655449 FKV655449 FUR655449 GEN655449 GOJ655449 GYF655449 HIB655449 HRX655449 IBT655449 ILP655449 IVL655449 JFH655449 JPD655449 JYZ655449 KIV655449 KSR655449 LCN655449 LMJ655449 LWF655449 MGB655449 MPX655449 MZT655449 NJP655449 NTL655449 ODH655449 OND655449 OWZ655449 PGV655449 PQR655449 QAN655449 QKJ655449 QUF655449 REB655449 RNX655449 RXT655449 SHP655449 SRL655449 TBH655449 TLD655449 TUZ655449 UEV655449 UOR655449 UYN655449 VIJ655449 VSF655449 WCB655449 WLX655449 WVT655449 L720985 JH720985 TD720985 ACZ720985 AMV720985 AWR720985 BGN720985 BQJ720985 CAF720985 CKB720985 CTX720985 DDT720985 DNP720985 DXL720985 EHH720985 ERD720985 FAZ720985 FKV720985 FUR720985 GEN720985 GOJ720985 GYF720985 HIB720985 HRX720985 IBT720985 ILP720985 IVL720985 JFH720985 JPD720985 JYZ720985 KIV720985 KSR720985 LCN720985 LMJ720985 LWF720985 MGB720985 MPX720985 MZT720985 NJP720985 NTL720985 ODH720985 OND720985 OWZ720985 PGV720985 PQR720985 QAN720985 QKJ720985 QUF720985 REB720985 RNX720985 RXT720985 SHP720985 SRL720985 TBH720985 TLD720985 TUZ720985 UEV720985 UOR720985 UYN720985 VIJ720985 VSF720985 WCB720985 WLX720985 WVT720985 L786521 JH786521 TD786521 ACZ786521 AMV786521 AWR786521 BGN786521 BQJ786521 CAF786521 CKB786521 CTX786521 DDT786521 DNP786521 DXL786521 EHH786521 ERD786521 FAZ786521 FKV786521 FUR786521 GEN786521 GOJ786521 GYF786521 HIB786521 HRX786521 IBT786521 ILP786521 IVL786521 JFH786521 JPD786521 JYZ786521 KIV786521 KSR786521 LCN786521 LMJ786521 LWF786521 MGB786521 MPX786521 MZT786521 NJP786521 NTL786521 ODH786521 OND786521 OWZ786521 PGV786521 PQR786521 QAN786521 QKJ786521 QUF786521 REB786521 RNX786521 RXT786521 SHP786521 SRL786521 TBH786521 TLD786521 TUZ786521 UEV786521 UOR786521 UYN786521 VIJ786521 VSF786521 WCB786521 WLX786521 WVT786521 L852057 JH852057 TD852057 ACZ852057 AMV852057 AWR852057 BGN852057 BQJ852057 CAF852057 CKB852057 CTX852057 DDT852057 DNP852057 DXL852057 EHH852057 ERD852057 FAZ852057 FKV852057 FUR852057 GEN852057 GOJ852057 GYF852057 HIB852057 HRX852057 IBT852057 ILP852057 IVL852057 JFH852057 JPD852057 JYZ852057 KIV852057 KSR852057 LCN852057 LMJ852057 LWF852057 MGB852057 MPX852057 MZT852057 NJP852057 NTL852057 ODH852057 OND852057 OWZ852057 PGV852057 PQR852057 QAN852057 QKJ852057 QUF852057 REB852057 RNX852057 RXT852057 SHP852057 SRL852057 TBH852057 TLD852057 TUZ852057 UEV852057 UOR852057 UYN852057 VIJ852057 VSF852057 WCB852057 WLX852057 WVT852057 L917593 JH917593 TD917593 ACZ917593 AMV917593 AWR917593 BGN917593 BQJ917593 CAF917593 CKB917593 CTX917593 DDT917593 DNP917593 DXL917593 EHH917593 ERD917593 FAZ917593 FKV917593 FUR917593 GEN917593 GOJ917593 GYF917593 HIB917593 HRX917593 IBT917593 ILP917593 IVL917593 JFH917593 JPD917593 JYZ917593 KIV917593 KSR917593 LCN917593 LMJ917593 LWF917593 MGB917593 MPX917593 MZT917593 NJP917593 NTL917593 ODH917593 OND917593 OWZ917593 PGV917593 PQR917593 QAN917593 QKJ917593 QUF917593 REB917593 RNX917593 RXT917593 SHP917593 SRL917593 TBH917593 TLD917593 TUZ917593 UEV917593 UOR917593 UYN917593 VIJ917593 VSF917593 WCB917593 WLX917593 WVT917593 L983129 JH983129 TD983129 ACZ983129 AMV983129 AWR983129 BGN983129 BQJ983129 CAF983129 CKB983129 CTX983129 DDT983129 DNP983129 DXL983129 EHH983129 ERD983129 FAZ983129 FKV983129 FUR983129 GEN983129 GOJ983129 GYF983129 HIB983129 HRX983129 IBT983129 ILP983129 IVL983129 JFH983129 JPD983129 JYZ983129 KIV983129 KSR983129 LCN983129 LMJ983129 LWF983129 MGB983129 MPX983129 MZT983129 NJP983129 NTL983129 ODH983129 OND983129 OWZ983129 PGV983129 PQR983129 QAN983129 QKJ983129 QUF983129 REB983129 RNX983129 RXT983129 SHP983129 SRL983129 TBH983129 TLD983129 TUZ983129 UEV983129 UOR983129 UYN983129 VIJ983129 VSF983129 WCB983129 WLX983129 WVT983129 Q89 JM89 TI89 ADE89 ANA89 AWW89 BGS89 BQO89 CAK89 CKG89 CUC89 DDY89 DNU89 DXQ89 EHM89 ERI89 FBE89 FLA89 FUW89 GES89 GOO89 GYK89 HIG89 HSC89 IBY89 ILU89 IVQ89 JFM89 JPI89 JZE89 KJA89 KSW89 LCS89 LMO89 LWK89 MGG89 MQC89 MZY89 NJU89 NTQ89 ODM89 ONI89 OXE89 PHA89 PQW89 QAS89 QKO89 QUK89 REG89 ROC89 RXY89 SHU89 SRQ89 TBM89 TLI89 TVE89 UFA89 UOW89 UYS89 VIO89 VSK89 WCG89 WMC89 WVY89 Q65625 JM65625 TI65625 ADE65625 ANA65625 AWW65625 BGS65625 BQO65625 CAK65625 CKG65625 CUC65625 DDY65625 DNU65625 DXQ65625 EHM65625 ERI65625 FBE65625 FLA65625 FUW65625 GES65625 GOO65625 GYK65625 HIG65625 HSC65625 IBY65625 ILU65625 IVQ65625 JFM65625 JPI65625 JZE65625 KJA65625 KSW65625 LCS65625 LMO65625 LWK65625 MGG65625 MQC65625 MZY65625 NJU65625 NTQ65625 ODM65625 ONI65625 OXE65625 PHA65625 PQW65625 QAS65625 QKO65625 QUK65625 REG65625 ROC65625 RXY65625 SHU65625 SRQ65625 TBM65625 TLI65625 TVE65625 UFA65625 UOW65625 UYS65625 VIO65625 VSK65625 WCG65625 WMC65625 WVY65625 Q131161 JM131161 TI131161 ADE131161 ANA131161 AWW131161 BGS131161 BQO131161 CAK131161 CKG131161 CUC131161 DDY131161 DNU131161 DXQ131161 EHM131161 ERI131161 FBE131161 FLA131161 FUW131161 GES131161 GOO131161 GYK131161 HIG131161 HSC131161 IBY131161 ILU131161 IVQ131161 JFM131161 JPI131161 JZE131161 KJA131161 KSW131161 LCS131161 LMO131161 LWK131161 MGG131161 MQC131161 MZY131161 NJU131161 NTQ131161 ODM131161 ONI131161 OXE131161 PHA131161 PQW131161 QAS131161 QKO131161 QUK131161 REG131161 ROC131161 RXY131161 SHU131161 SRQ131161 TBM131161 TLI131161 TVE131161 UFA131161 UOW131161 UYS131161 VIO131161 VSK131161 WCG131161 WMC131161 WVY131161 Q196697 JM196697 TI196697 ADE196697 ANA196697 AWW196697 BGS196697 BQO196697 CAK196697 CKG196697 CUC196697 DDY196697 DNU196697 DXQ196697 EHM196697 ERI196697 FBE196697 FLA196697 FUW196697 GES196697 GOO196697 GYK196697 HIG196697 HSC196697 IBY196697 ILU196697 IVQ196697 JFM196697 JPI196697 JZE196697 KJA196697 KSW196697 LCS196697 LMO196697 LWK196697 MGG196697 MQC196697 MZY196697 NJU196697 NTQ196697 ODM196697 ONI196697 OXE196697 PHA196697 PQW196697 QAS196697 QKO196697 QUK196697 REG196697 ROC196697 RXY196697 SHU196697 SRQ196697 TBM196697 TLI196697 TVE196697 UFA196697 UOW196697 UYS196697 VIO196697 VSK196697 WCG196697 WMC196697 WVY196697 Q262233 JM262233 TI262233 ADE262233 ANA262233 AWW262233 BGS262233 BQO262233 CAK262233 CKG262233 CUC262233 DDY262233 DNU262233 DXQ262233 EHM262233 ERI262233 FBE262233 FLA262233 FUW262233 GES262233 GOO262233 GYK262233 HIG262233 HSC262233 IBY262233 ILU262233 IVQ262233 JFM262233 JPI262233 JZE262233 KJA262233 KSW262233 LCS262233 LMO262233 LWK262233 MGG262233 MQC262233 MZY262233 NJU262233 NTQ262233 ODM262233 ONI262233 OXE262233 PHA262233 PQW262233 QAS262233 QKO262233 QUK262233 REG262233 ROC262233 RXY262233 SHU262233 SRQ262233 TBM262233 TLI262233 TVE262233 UFA262233 UOW262233 UYS262233 VIO262233 VSK262233 WCG262233 WMC262233 WVY262233 Q327769 JM327769 TI327769 ADE327769 ANA327769 AWW327769 BGS327769 BQO327769 CAK327769 CKG327769 CUC327769 DDY327769 DNU327769 DXQ327769 EHM327769 ERI327769 FBE327769 FLA327769 FUW327769 GES327769 GOO327769 GYK327769 HIG327769 HSC327769 IBY327769 ILU327769 IVQ327769 JFM327769 JPI327769 JZE327769 KJA327769 KSW327769 LCS327769 LMO327769 LWK327769 MGG327769 MQC327769 MZY327769 NJU327769 NTQ327769 ODM327769 ONI327769 OXE327769 PHA327769 PQW327769 QAS327769 QKO327769 QUK327769 REG327769 ROC327769 RXY327769 SHU327769 SRQ327769 TBM327769 TLI327769 TVE327769 UFA327769 UOW327769 UYS327769 VIO327769 VSK327769 WCG327769 WMC327769 WVY327769 Q393305 JM393305 TI393305 ADE393305 ANA393305 AWW393305 BGS393305 BQO393305 CAK393305 CKG393305 CUC393305 DDY393305 DNU393305 DXQ393305 EHM393305 ERI393305 FBE393305 FLA393305 FUW393305 GES393305 GOO393305 GYK393305 HIG393305 HSC393305 IBY393305 ILU393305 IVQ393305 JFM393305 JPI393305 JZE393305 KJA393305 KSW393305 LCS393305 LMO393305 LWK393305 MGG393305 MQC393305 MZY393305 NJU393305 NTQ393305 ODM393305 ONI393305 OXE393305 PHA393305 PQW393305 QAS393305 QKO393305 QUK393305 REG393305 ROC393305 RXY393305 SHU393305 SRQ393305 TBM393305 TLI393305 TVE393305 UFA393305 UOW393305 UYS393305 VIO393305 VSK393305 WCG393305 WMC393305 WVY393305 Q458841 JM458841 TI458841 ADE458841 ANA458841 AWW458841 BGS458841 BQO458841 CAK458841 CKG458841 CUC458841 DDY458841 DNU458841 DXQ458841 EHM458841 ERI458841 FBE458841 FLA458841 FUW458841 GES458841 GOO458841 GYK458841 HIG458841 HSC458841 IBY458841 ILU458841 IVQ458841 JFM458841 JPI458841 JZE458841 KJA458841 KSW458841 LCS458841 LMO458841 LWK458841 MGG458841 MQC458841 MZY458841 NJU458841 NTQ458841 ODM458841 ONI458841 OXE458841 PHA458841 PQW458841 QAS458841 QKO458841 QUK458841 REG458841 ROC458841 RXY458841 SHU458841 SRQ458841 TBM458841 TLI458841 TVE458841 UFA458841 UOW458841 UYS458841 VIO458841 VSK458841 WCG458841 WMC458841 WVY458841 Q524377 JM524377 TI524377 ADE524377 ANA524377 AWW524377 BGS524377 BQO524377 CAK524377 CKG524377 CUC524377 DDY524377 DNU524377 DXQ524377 EHM524377 ERI524377 FBE524377 FLA524377 FUW524377 GES524377 GOO524377 GYK524377 HIG524377 HSC524377 IBY524377 ILU524377 IVQ524377 JFM524377 JPI524377 JZE524377 KJA524377 KSW524377 LCS524377 LMO524377 LWK524377 MGG524377 MQC524377 MZY524377 NJU524377 NTQ524377 ODM524377 ONI524377 OXE524377 PHA524377 PQW524377 QAS524377 QKO524377 QUK524377 REG524377 ROC524377 RXY524377 SHU524377 SRQ524377 TBM524377 TLI524377 TVE524377 UFA524377 UOW524377 UYS524377 VIO524377 VSK524377 WCG524377 WMC524377 WVY524377 Q589913 JM589913 TI589913 ADE589913 ANA589913 AWW589913 BGS589913 BQO589913 CAK589913 CKG589913 CUC589913 DDY589913 DNU589913 DXQ589913 EHM589913 ERI589913 FBE589913 FLA589913 FUW589913 GES589913 GOO589913 GYK589913 HIG589913 HSC589913 IBY589913 ILU589913 IVQ589913 JFM589913 JPI589913 JZE589913 KJA589913 KSW589913 LCS589913 LMO589913 LWK589913 MGG589913 MQC589913 MZY589913 NJU589913 NTQ589913 ODM589913 ONI589913 OXE589913 PHA589913 PQW589913 QAS589913 QKO589913 QUK589913 REG589913 ROC589913 RXY589913 SHU589913 SRQ589913 TBM589913 TLI589913 TVE589913 UFA589913 UOW589913 UYS589913 VIO589913 VSK589913 WCG589913 WMC589913 WVY589913 Q655449 JM655449 TI655449 ADE655449 ANA655449 AWW655449 BGS655449 BQO655449 CAK655449 CKG655449 CUC655449 DDY655449 DNU655449 DXQ655449 EHM655449 ERI655449 FBE655449 FLA655449 FUW655449 GES655449 GOO655449 GYK655449 HIG655449 HSC655449 IBY655449 ILU655449 IVQ655449 JFM655449 JPI655449 JZE655449 KJA655449 KSW655449 LCS655449 LMO655449 LWK655449 MGG655449 MQC655449 MZY655449 NJU655449 NTQ655449 ODM655449 ONI655449 OXE655449 PHA655449 PQW655449 QAS655449 QKO655449 QUK655449 REG655449 ROC655449 RXY655449 SHU655449 SRQ655449 TBM655449 TLI655449 TVE655449 UFA655449 UOW655449 UYS655449 VIO655449 VSK655449 WCG655449 WMC655449 WVY655449 Q720985 JM720985 TI720985 ADE720985 ANA720985 AWW720985 BGS720985 BQO720985 CAK720985 CKG720985 CUC720985 DDY720985 DNU720985 DXQ720985 EHM720985 ERI720985 FBE720985 FLA720985 FUW720985 GES720985 GOO720985 GYK720985 HIG720985 HSC720985 IBY720985 ILU720985 IVQ720985 JFM720985 JPI720985 JZE720985 KJA720985 KSW720985 LCS720985 LMO720985 LWK720985 MGG720985 MQC720985 MZY720985 NJU720985 NTQ720985 ODM720985 ONI720985 OXE720985 PHA720985 PQW720985 QAS720985 QKO720985 QUK720985 REG720985 ROC720985 RXY720985 SHU720985 SRQ720985 TBM720985 TLI720985 TVE720985 UFA720985 UOW720985 UYS720985 VIO720985 VSK720985 WCG720985 WMC720985 WVY720985 Q786521 JM786521 TI786521 ADE786521 ANA786521 AWW786521 BGS786521 BQO786521 CAK786521 CKG786521 CUC786521 DDY786521 DNU786521 DXQ786521 EHM786521 ERI786521 FBE786521 FLA786521 FUW786521 GES786521 GOO786521 GYK786521 HIG786521 HSC786521 IBY786521 ILU786521 IVQ786521 JFM786521 JPI786521 JZE786521 KJA786521 KSW786521 LCS786521 LMO786521 LWK786521 MGG786521 MQC786521 MZY786521 NJU786521 NTQ786521 ODM786521 ONI786521 OXE786521 PHA786521 PQW786521 QAS786521 QKO786521 QUK786521 REG786521 ROC786521 RXY786521 SHU786521 SRQ786521 TBM786521 TLI786521 TVE786521 UFA786521 UOW786521 UYS786521 VIO786521 VSK786521 WCG786521 WMC786521 WVY786521 Q852057 JM852057 TI852057 ADE852057 ANA852057 AWW852057 BGS852057 BQO852057 CAK852057 CKG852057 CUC852057 DDY852057 DNU852057 DXQ852057 EHM852057 ERI852057 FBE852057 FLA852057 FUW852057 GES852057 GOO852057 GYK852057 HIG852057 HSC852057 IBY852057 ILU852057 IVQ852057 JFM852057 JPI852057 JZE852057 KJA852057 KSW852057 LCS852057 LMO852057 LWK852057 MGG852057 MQC852057 MZY852057 NJU852057 NTQ852057 ODM852057 ONI852057 OXE852057 PHA852057 PQW852057 QAS852057 QKO852057 QUK852057 REG852057 ROC852057 RXY852057 SHU852057 SRQ852057 TBM852057 TLI852057 TVE852057 UFA852057 UOW852057 UYS852057 VIO852057 VSK852057 WCG852057 WMC852057 WVY852057 Q917593 JM917593 TI917593 ADE917593 ANA917593 AWW917593 BGS917593 BQO917593 CAK917593 CKG917593 CUC917593 DDY917593 DNU917593 DXQ917593 EHM917593 ERI917593 FBE917593 FLA917593 FUW917593 GES917593 GOO917593 GYK917593 HIG917593 HSC917593 IBY917593 ILU917593 IVQ917593 JFM917593 JPI917593 JZE917593 KJA917593 KSW917593 LCS917593 LMO917593 LWK917593 MGG917593 MQC917593 MZY917593 NJU917593 NTQ917593 ODM917593 ONI917593 OXE917593 PHA917593 PQW917593 QAS917593 QKO917593 QUK917593 REG917593 ROC917593 RXY917593 SHU917593 SRQ917593 TBM917593 TLI917593 TVE917593 UFA917593 UOW917593 UYS917593 VIO917593 VSK917593 WCG917593 WMC917593 WVY917593 Q983129 JM983129 TI983129 ADE983129 ANA983129 AWW983129 BGS983129 BQO983129 CAK983129 CKG983129 CUC983129 DDY983129 DNU983129 DXQ983129 EHM983129 ERI983129 FBE983129 FLA983129 FUW983129 GES983129 GOO983129 GYK983129 HIG983129 HSC983129 IBY983129 ILU983129 IVQ983129 JFM983129 JPI983129 JZE983129 KJA983129 KSW983129 LCS983129 LMO983129 LWK983129 MGG983129 MQC983129 MZY983129 NJU983129 NTQ983129 ODM983129 ONI983129 OXE983129 PHA983129 PQW983129 QAS983129 QKO983129 QUK983129 REG983129 ROC983129 RXY983129 SHU983129 SRQ983129 TBM983129 TLI983129 TVE983129 UFA983129 UOW983129 UYS983129 VIO983129 VSK983129 WCG983129 WMC983129 WVY983129 G89:G92 JC89:JC92 SY89:SY92 ACU89:ACU92 AMQ89:AMQ92 AWM89:AWM92 BGI89:BGI92 BQE89:BQE92 CAA89:CAA92 CJW89:CJW92 CTS89:CTS92 DDO89:DDO92 DNK89:DNK92 DXG89:DXG92 EHC89:EHC92 EQY89:EQY92 FAU89:FAU92 FKQ89:FKQ92 FUM89:FUM92 GEI89:GEI92 GOE89:GOE92 GYA89:GYA92 HHW89:HHW92 HRS89:HRS92 IBO89:IBO92 ILK89:ILK92 IVG89:IVG92 JFC89:JFC92 JOY89:JOY92 JYU89:JYU92 KIQ89:KIQ92 KSM89:KSM92 LCI89:LCI92 LME89:LME92 LWA89:LWA92 MFW89:MFW92 MPS89:MPS92 MZO89:MZO92 NJK89:NJK92 NTG89:NTG92 ODC89:ODC92 OMY89:OMY92 OWU89:OWU92 PGQ89:PGQ92 PQM89:PQM92 QAI89:QAI92 QKE89:QKE92 QUA89:QUA92 RDW89:RDW92 RNS89:RNS92 RXO89:RXO92 SHK89:SHK92 SRG89:SRG92 TBC89:TBC92 TKY89:TKY92 TUU89:TUU92 UEQ89:UEQ92 UOM89:UOM92 UYI89:UYI92 VIE89:VIE92 VSA89:VSA92 WBW89:WBW92 WLS89:WLS92 WVO89:WVO92 G65625:G65628 JC65625:JC65628 SY65625:SY65628 ACU65625:ACU65628 AMQ65625:AMQ65628 AWM65625:AWM65628 BGI65625:BGI65628 BQE65625:BQE65628 CAA65625:CAA65628 CJW65625:CJW65628 CTS65625:CTS65628 DDO65625:DDO65628 DNK65625:DNK65628 DXG65625:DXG65628 EHC65625:EHC65628 EQY65625:EQY65628 FAU65625:FAU65628 FKQ65625:FKQ65628 FUM65625:FUM65628 GEI65625:GEI65628 GOE65625:GOE65628 GYA65625:GYA65628 HHW65625:HHW65628 HRS65625:HRS65628 IBO65625:IBO65628 ILK65625:ILK65628 IVG65625:IVG65628 JFC65625:JFC65628 JOY65625:JOY65628 JYU65625:JYU65628 KIQ65625:KIQ65628 KSM65625:KSM65628 LCI65625:LCI65628 LME65625:LME65628 LWA65625:LWA65628 MFW65625:MFW65628 MPS65625:MPS65628 MZO65625:MZO65628 NJK65625:NJK65628 NTG65625:NTG65628 ODC65625:ODC65628 OMY65625:OMY65628 OWU65625:OWU65628 PGQ65625:PGQ65628 PQM65625:PQM65628 QAI65625:QAI65628 QKE65625:QKE65628 QUA65625:QUA65628 RDW65625:RDW65628 RNS65625:RNS65628 RXO65625:RXO65628 SHK65625:SHK65628 SRG65625:SRG65628 TBC65625:TBC65628 TKY65625:TKY65628 TUU65625:TUU65628 UEQ65625:UEQ65628 UOM65625:UOM65628 UYI65625:UYI65628 VIE65625:VIE65628 VSA65625:VSA65628 WBW65625:WBW65628 WLS65625:WLS65628 WVO65625:WVO65628 G131161:G131164 JC131161:JC131164 SY131161:SY131164 ACU131161:ACU131164 AMQ131161:AMQ131164 AWM131161:AWM131164 BGI131161:BGI131164 BQE131161:BQE131164 CAA131161:CAA131164 CJW131161:CJW131164 CTS131161:CTS131164 DDO131161:DDO131164 DNK131161:DNK131164 DXG131161:DXG131164 EHC131161:EHC131164 EQY131161:EQY131164 FAU131161:FAU131164 FKQ131161:FKQ131164 FUM131161:FUM131164 GEI131161:GEI131164 GOE131161:GOE131164 GYA131161:GYA131164 HHW131161:HHW131164 HRS131161:HRS131164 IBO131161:IBO131164 ILK131161:ILK131164 IVG131161:IVG131164 JFC131161:JFC131164 JOY131161:JOY131164 JYU131161:JYU131164 KIQ131161:KIQ131164 KSM131161:KSM131164 LCI131161:LCI131164 LME131161:LME131164 LWA131161:LWA131164 MFW131161:MFW131164 MPS131161:MPS131164 MZO131161:MZO131164 NJK131161:NJK131164 NTG131161:NTG131164 ODC131161:ODC131164 OMY131161:OMY131164 OWU131161:OWU131164 PGQ131161:PGQ131164 PQM131161:PQM131164 QAI131161:QAI131164 QKE131161:QKE131164 QUA131161:QUA131164 RDW131161:RDW131164 RNS131161:RNS131164 RXO131161:RXO131164 SHK131161:SHK131164 SRG131161:SRG131164 TBC131161:TBC131164 TKY131161:TKY131164 TUU131161:TUU131164 UEQ131161:UEQ131164 UOM131161:UOM131164 UYI131161:UYI131164 VIE131161:VIE131164 VSA131161:VSA131164 WBW131161:WBW131164 WLS131161:WLS131164 WVO131161:WVO131164 G196697:G196700 JC196697:JC196700 SY196697:SY196700 ACU196697:ACU196700 AMQ196697:AMQ196700 AWM196697:AWM196700 BGI196697:BGI196700 BQE196697:BQE196700 CAA196697:CAA196700 CJW196697:CJW196700 CTS196697:CTS196700 DDO196697:DDO196700 DNK196697:DNK196700 DXG196697:DXG196700 EHC196697:EHC196700 EQY196697:EQY196700 FAU196697:FAU196700 FKQ196697:FKQ196700 FUM196697:FUM196700 GEI196697:GEI196700 GOE196697:GOE196700 GYA196697:GYA196700 HHW196697:HHW196700 HRS196697:HRS196700 IBO196697:IBO196700 ILK196697:ILK196700 IVG196697:IVG196700 JFC196697:JFC196700 JOY196697:JOY196700 JYU196697:JYU196700 KIQ196697:KIQ196700 KSM196697:KSM196700 LCI196697:LCI196700 LME196697:LME196700 LWA196697:LWA196700 MFW196697:MFW196700 MPS196697:MPS196700 MZO196697:MZO196700 NJK196697:NJK196700 NTG196697:NTG196700 ODC196697:ODC196700 OMY196697:OMY196700 OWU196697:OWU196700 PGQ196697:PGQ196700 PQM196697:PQM196700 QAI196697:QAI196700 QKE196697:QKE196700 QUA196697:QUA196700 RDW196697:RDW196700 RNS196697:RNS196700 RXO196697:RXO196700 SHK196697:SHK196700 SRG196697:SRG196700 TBC196697:TBC196700 TKY196697:TKY196700 TUU196697:TUU196700 UEQ196697:UEQ196700 UOM196697:UOM196700 UYI196697:UYI196700 VIE196697:VIE196700 VSA196697:VSA196700 WBW196697:WBW196700 WLS196697:WLS196700 WVO196697:WVO196700 G262233:G262236 JC262233:JC262236 SY262233:SY262236 ACU262233:ACU262236 AMQ262233:AMQ262236 AWM262233:AWM262236 BGI262233:BGI262236 BQE262233:BQE262236 CAA262233:CAA262236 CJW262233:CJW262236 CTS262233:CTS262236 DDO262233:DDO262236 DNK262233:DNK262236 DXG262233:DXG262236 EHC262233:EHC262236 EQY262233:EQY262236 FAU262233:FAU262236 FKQ262233:FKQ262236 FUM262233:FUM262236 GEI262233:GEI262236 GOE262233:GOE262236 GYA262233:GYA262236 HHW262233:HHW262236 HRS262233:HRS262236 IBO262233:IBO262236 ILK262233:ILK262236 IVG262233:IVG262236 JFC262233:JFC262236 JOY262233:JOY262236 JYU262233:JYU262236 KIQ262233:KIQ262236 KSM262233:KSM262236 LCI262233:LCI262236 LME262233:LME262236 LWA262233:LWA262236 MFW262233:MFW262236 MPS262233:MPS262236 MZO262233:MZO262236 NJK262233:NJK262236 NTG262233:NTG262236 ODC262233:ODC262236 OMY262233:OMY262236 OWU262233:OWU262236 PGQ262233:PGQ262236 PQM262233:PQM262236 QAI262233:QAI262236 QKE262233:QKE262236 QUA262233:QUA262236 RDW262233:RDW262236 RNS262233:RNS262236 RXO262233:RXO262236 SHK262233:SHK262236 SRG262233:SRG262236 TBC262233:TBC262236 TKY262233:TKY262236 TUU262233:TUU262236 UEQ262233:UEQ262236 UOM262233:UOM262236 UYI262233:UYI262236 VIE262233:VIE262236 VSA262233:VSA262236 WBW262233:WBW262236 WLS262233:WLS262236 WVO262233:WVO262236 G327769:G327772 JC327769:JC327772 SY327769:SY327772 ACU327769:ACU327772 AMQ327769:AMQ327772 AWM327769:AWM327772 BGI327769:BGI327772 BQE327769:BQE327772 CAA327769:CAA327772 CJW327769:CJW327772 CTS327769:CTS327772 DDO327769:DDO327772 DNK327769:DNK327772 DXG327769:DXG327772 EHC327769:EHC327772 EQY327769:EQY327772 FAU327769:FAU327772 FKQ327769:FKQ327772 FUM327769:FUM327772 GEI327769:GEI327772 GOE327769:GOE327772 GYA327769:GYA327772 HHW327769:HHW327772 HRS327769:HRS327772 IBO327769:IBO327772 ILK327769:ILK327772 IVG327769:IVG327772 JFC327769:JFC327772 JOY327769:JOY327772 JYU327769:JYU327772 KIQ327769:KIQ327772 KSM327769:KSM327772 LCI327769:LCI327772 LME327769:LME327772 LWA327769:LWA327772 MFW327769:MFW327772 MPS327769:MPS327772 MZO327769:MZO327772 NJK327769:NJK327772 NTG327769:NTG327772 ODC327769:ODC327772 OMY327769:OMY327772 OWU327769:OWU327772 PGQ327769:PGQ327772 PQM327769:PQM327772 QAI327769:QAI327772 QKE327769:QKE327772 QUA327769:QUA327772 RDW327769:RDW327772 RNS327769:RNS327772 RXO327769:RXO327772 SHK327769:SHK327772 SRG327769:SRG327772 TBC327769:TBC327772 TKY327769:TKY327772 TUU327769:TUU327772 UEQ327769:UEQ327772 UOM327769:UOM327772 UYI327769:UYI327772 VIE327769:VIE327772 VSA327769:VSA327772 WBW327769:WBW327772 WLS327769:WLS327772 WVO327769:WVO327772 G393305:G393308 JC393305:JC393308 SY393305:SY393308 ACU393305:ACU393308 AMQ393305:AMQ393308 AWM393305:AWM393308 BGI393305:BGI393308 BQE393305:BQE393308 CAA393305:CAA393308 CJW393305:CJW393308 CTS393305:CTS393308 DDO393305:DDO393308 DNK393305:DNK393308 DXG393305:DXG393308 EHC393305:EHC393308 EQY393305:EQY393308 FAU393305:FAU393308 FKQ393305:FKQ393308 FUM393305:FUM393308 GEI393305:GEI393308 GOE393305:GOE393308 GYA393305:GYA393308 HHW393305:HHW393308 HRS393305:HRS393308 IBO393305:IBO393308 ILK393305:ILK393308 IVG393305:IVG393308 JFC393305:JFC393308 JOY393305:JOY393308 JYU393305:JYU393308 KIQ393305:KIQ393308 KSM393305:KSM393308 LCI393305:LCI393308 LME393305:LME393308 LWA393305:LWA393308 MFW393305:MFW393308 MPS393305:MPS393308 MZO393305:MZO393308 NJK393305:NJK393308 NTG393305:NTG393308 ODC393305:ODC393308 OMY393305:OMY393308 OWU393305:OWU393308 PGQ393305:PGQ393308 PQM393305:PQM393308 QAI393305:QAI393308 QKE393305:QKE393308 QUA393305:QUA393308 RDW393305:RDW393308 RNS393305:RNS393308 RXO393305:RXO393308 SHK393305:SHK393308 SRG393305:SRG393308 TBC393305:TBC393308 TKY393305:TKY393308 TUU393305:TUU393308 UEQ393305:UEQ393308 UOM393305:UOM393308 UYI393305:UYI393308 VIE393305:VIE393308 VSA393305:VSA393308 WBW393305:WBW393308 WLS393305:WLS393308 WVO393305:WVO393308 G458841:G458844 JC458841:JC458844 SY458841:SY458844 ACU458841:ACU458844 AMQ458841:AMQ458844 AWM458841:AWM458844 BGI458841:BGI458844 BQE458841:BQE458844 CAA458841:CAA458844 CJW458841:CJW458844 CTS458841:CTS458844 DDO458841:DDO458844 DNK458841:DNK458844 DXG458841:DXG458844 EHC458841:EHC458844 EQY458841:EQY458844 FAU458841:FAU458844 FKQ458841:FKQ458844 FUM458841:FUM458844 GEI458841:GEI458844 GOE458841:GOE458844 GYA458841:GYA458844 HHW458841:HHW458844 HRS458841:HRS458844 IBO458841:IBO458844 ILK458841:ILK458844 IVG458841:IVG458844 JFC458841:JFC458844 JOY458841:JOY458844 JYU458841:JYU458844 KIQ458841:KIQ458844 KSM458841:KSM458844 LCI458841:LCI458844 LME458841:LME458844 LWA458841:LWA458844 MFW458841:MFW458844 MPS458841:MPS458844 MZO458841:MZO458844 NJK458841:NJK458844 NTG458841:NTG458844 ODC458841:ODC458844 OMY458841:OMY458844 OWU458841:OWU458844 PGQ458841:PGQ458844 PQM458841:PQM458844 QAI458841:QAI458844 QKE458841:QKE458844 QUA458841:QUA458844 RDW458841:RDW458844 RNS458841:RNS458844 RXO458841:RXO458844 SHK458841:SHK458844 SRG458841:SRG458844 TBC458841:TBC458844 TKY458841:TKY458844 TUU458841:TUU458844 UEQ458841:UEQ458844 UOM458841:UOM458844 UYI458841:UYI458844 VIE458841:VIE458844 VSA458841:VSA458844 WBW458841:WBW458844 WLS458841:WLS458844 WVO458841:WVO458844 G524377:G524380 JC524377:JC524380 SY524377:SY524380 ACU524377:ACU524380 AMQ524377:AMQ524380 AWM524377:AWM524380 BGI524377:BGI524380 BQE524377:BQE524380 CAA524377:CAA524380 CJW524377:CJW524380 CTS524377:CTS524380 DDO524377:DDO524380 DNK524377:DNK524380 DXG524377:DXG524380 EHC524377:EHC524380 EQY524377:EQY524380 FAU524377:FAU524380 FKQ524377:FKQ524380 FUM524377:FUM524380 GEI524377:GEI524380 GOE524377:GOE524380 GYA524377:GYA524380 HHW524377:HHW524380 HRS524377:HRS524380 IBO524377:IBO524380 ILK524377:ILK524380 IVG524377:IVG524380 JFC524377:JFC524380 JOY524377:JOY524380 JYU524377:JYU524380 KIQ524377:KIQ524380 KSM524377:KSM524380 LCI524377:LCI524380 LME524377:LME524380 LWA524377:LWA524380 MFW524377:MFW524380 MPS524377:MPS524380 MZO524377:MZO524380 NJK524377:NJK524380 NTG524377:NTG524380 ODC524377:ODC524380 OMY524377:OMY524380 OWU524377:OWU524380 PGQ524377:PGQ524380 PQM524377:PQM524380 QAI524377:QAI524380 QKE524377:QKE524380 QUA524377:QUA524380 RDW524377:RDW524380 RNS524377:RNS524380 RXO524377:RXO524380 SHK524377:SHK524380 SRG524377:SRG524380 TBC524377:TBC524380 TKY524377:TKY524380 TUU524377:TUU524380 UEQ524377:UEQ524380 UOM524377:UOM524380 UYI524377:UYI524380 VIE524377:VIE524380 VSA524377:VSA524380 WBW524377:WBW524380 WLS524377:WLS524380 WVO524377:WVO524380 G589913:G589916 JC589913:JC589916 SY589913:SY589916 ACU589913:ACU589916 AMQ589913:AMQ589916 AWM589913:AWM589916 BGI589913:BGI589916 BQE589913:BQE589916 CAA589913:CAA589916 CJW589913:CJW589916 CTS589913:CTS589916 DDO589913:DDO589916 DNK589913:DNK589916 DXG589913:DXG589916 EHC589913:EHC589916 EQY589913:EQY589916 FAU589913:FAU589916 FKQ589913:FKQ589916 FUM589913:FUM589916 GEI589913:GEI589916 GOE589913:GOE589916 GYA589913:GYA589916 HHW589913:HHW589916 HRS589913:HRS589916 IBO589913:IBO589916 ILK589913:ILK589916 IVG589913:IVG589916 JFC589913:JFC589916 JOY589913:JOY589916 JYU589913:JYU589916 KIQ589913:KIQ589916 KSM589913:KSM589916 LCI589913:LCI589916 LME589913:LME589916 LWA589913:LWA589916 MFW589913:MFW589916 MPS589913:MPS589916 MZO589913:MZO589916 NJK589913:NJK589916 NTG589913:NTG589916 ODC589913:ODC589916 OMY589913:OMY589916 OWU589913:OWU589916 PGQ589913:PGQ589916 PQM589913:PQM589916 QAI589913:QAI589916 QKE589913:QKE589916 QUA589913:QUA589916 RDW589913:RDW589916 RNS589913:RNS589916 RXO589913:RXO589916 SHK589913:SHK589916 SRG589913:SRG589916 TBC589913:TBC589916 TKY589913:TKY589916 TUU589913:TUU589916 UEQ589913:UEQ589916 UOM589913:UOM589916 UYI589913:UYI589916 VIE589913:VIE589916 VSA589913:VSA589916 WBW589913:WBW589916 WLS589913:WLS589916 WVO589913:WVO589916 G655449:G655452 JC655449:JC655452 SY655449:SY655452 ACU655449:ACU655452 AMQ655449:AMQ655452 AWM655449:AWM655452 BGI655449:BGI655452 BQE655449:BQE655452 CAA655449:CAA655452 CJW655449:CJW655452 CTS655449:CTS655452 DDO655449:DDO655452 DNK655449:DNK655452 DXG655449:DXG655452 EHC655449:EHC655452 EQY655449:EQY655452 FAU655449:FAU655452 FKQ655449:FKQ655452 FUM655449:FUM655452 GEI655449:GEI655452 GOE655449:GOE655452 GYA655449:GYA655452 HHW655449:HHW655452 HRS655449:HRS655452 IBO655449:IBO655452 ILK655449:ILK655452 IVG655449:IVG655452 JFC655449:JFC655452 JOY655449:JOY655452 JYU655449:JYU655452 KIQ655449:KIQ655452 KSM655449:KSM655452 LCI655449:LCI655452 LME655449:LME655452 LWA655449:LWA655452 MFW655449:MFW655452 MPS655449:MPS655452 MZO655449:MZO655452 NJK655449:NJK655452 NTG655449:NTG655452 ODC655449:ODC655452 OMY655449:OMY655452 OWU655449:OWU655452 PGQ655449:PGQ655452 PQM655449:PQM655452 QAI655449:QAI655452 QKE655449:QKE655452 QUA655449:QUA655452 RDW655449:RDW655452 RNS655449:RNS655452 RXO655449:RXO655452 SHK655449:SHK655452 SRG655449:SRG655452 TBC655449:TBC655452 TKY655449:TKY655452 TUU655449:TUU655452 UEQ655449:UEQ655452 UOM655449:UOM655452 UYI655449:UYI655452 VIE655449:VIE655452 VSA655449:VSA655452 WBW655449:WBW655452 WLS655449:WLS655452 WVO655449:WVO655452 G720985:G720988 JC720985:JC720988 SY720985:SY720988 ACU720985:ACU720988 AMQ720985:AMQ720988 AWM720985:AWM720988 BGI720985:BGI720988 BQE720985:BQE720988 CAA720985:CAA720988 CJW720985:CJW720988 CTS720985:CTS720988 DDO720985:DDO720988 DNK720985:DNK720988 DXG720985:DXG720988 EHC720985:EHC720988 EQY720985:EQY720988 FAU720985:FAU720988 FKQ720985:FKQ720988 FUM720985:FUM720988 GEI720985:GEI720988 GOE720985:GOE720988 GYA720985:GYA720988 HHW720985:HHW720988 HRS720985:HRS720988 IBO720985:IBO720988 ILK720985:ILK720988 IVG720985:IVG720988 JFC720985:JFC720988 JOY720985:JOY720988 JYU720985:JYU720988 KIQ720985:KIQ720988 KSM720985:KSM720988 LCI720985:LCI720988 LME720985:LME720988 LWA720985:LWA720988 MFW720985:MFW720988 MPS720985:MPS720988 MZO720985:MZO720988 NJK720985:NJK720988 NTG720985:NTG720988 ODC720985:ODC720988 OMY720985:OMY720988 OWU720985:OWU720988 PGQ720985:PGQ720988 PQM720985:PQM720988 QAI720985:QAI720988 QKE720985:QKE720988 QUA720985:QUA720988 RDW720985:RDW720988 RNS720985:RNS720988 RXO720985:RXO720988 SHK720985:SHK720988 SRG720985:SRG720988 TBC720985:TBC720988 TKY720985:TKY720988 TUU720985:TUU720988 UEQ720985:UEQ720988 UOM720985:UOM720988 UYI720985:UYI720988 VIE720985:VIE720988 VSA720985:VSA720988 WBW720985:WBW720988 WLS720985:WLS720988 WVO720985:WVO720988 G786521:G786524 JC786521:JC786524 SY786521:SY786524 ACU786521:ACU786524 AMQ786521:AMQ786524 AWM786521:AWM786524 BGI786521:BGI786524 BQE786521:BQE786524 CAA786521:CAA786524 CJW786521:CJW786524 CTS786521:CTS786524 DDO786521:DDO786524 DNK786521:DNK786524 DXG786521:DXG786524 EHC786521:EHC786524 EQY786521:EQY786524 FAU786521:FAU786524 FKQ786521:FKQ786524 FUM786521:FUM786524 GEI786521:GEI786524 GOE786521:GOE786524 GYA786521:GYA786524 HHW786521:HHW786524 HRS786521:HRS786524 IBO786521:IBO786524 ILK786521:ILK786524 IVG786521:IVG786524 JFC786521:JFC786524 JOY786521:JOY786524 JYU786521:JYU786524 KIQ786521:KIQ786524 KSM786521:KSM786524 LCI786521:LCI786524 LME786521:LME786524 LWA786521:LWA786524 MFW786521:MFW786524 MPS786521:MPS786524 MZO786521:MZO786524 NJK786521:NJK786524 NTG786521:NTG786524 ODC786521:ODC786524 OMY786521:OMY786524 OWU786521:OWU786524 PGQ786521:PGQ786524 PQM786521:PQM786524 QAI786521:QAI786524 QKE786521:QKE786524 QUA786521:QUA786524 RDW786521:RDW786524 RNS786521:RNS786524 RXO786521:RXO786524 SHK786521:SHK786524 SRG786521:SRG786524 TBC786521:TBC786524 TKY786521:TKY786524 TUU786521:TUU786524 UEQ786521:UEQ786524 UOM786521:UOM786524 UYI786521:UYI786524 VIE786521:VIE786524 VSA786521:VSA786524 WBW786521:WBW786524 WLS786521:WLS786524 WVO786521:WVO786524 G852057:G852060 JC852057:JC852060 SY852057:SY852060 ACU852057:ACU852060 AMQ852057:AMQ852060 AWM852057:AWM852060 BGI852057:BGI852060 BQE852057:BQE852060 CAA852057:CAA852060 CJW852057:CJW852060 CTS852057:CTS852060 DDO852057:DDO852060 DNK852057:DNK852060 DXG852057:DXG852060 EHC852057:EHC852060 EQY852057:EQY852060 FAU852057:FAU852060 FKQ852057:FKQ852060 FUM852057:FUM852060 GEI852057:GEI852060 GOE852057:GOE852060 GYA852057:GYA852060 HHW852057:HHW852060 HRS852057:HRS852060 IBO852057:IBO852060 ILK852057:ILK852060 IVG852057:IVG852060 JFC852057:JFC852060 JOY852057:JOY852060 JYU852057:JYU852060 KIQ852057:KIQ852060 KSM852057:KSM852060 LCI852057:LCI852060 LME852057:LME852060 LWA852057:LWA852060 MFW852057:MFW852060 MPS852057:MPS852060 MZO852057:MZO852060 NJK852057:NJK852060 NTG852057:NTG852060 ODC852057:ODC852060 OMY852057:OMY852060 OWU852057:OWU852060 PGQ852057:PGQ852060 PQM852057:PQM852060 QAI852057:QAI852060 QKE852057:QKE852060 QUA852057:QUA852060 RDW852057:RDW852060 RNS852057:RNS852060 RXO852057:RXO852060 SHK852057:SHK852060 SRG852057:SRG852060 TBC852057:TBC852060 TKY852057:TKY852060 TUU852057:TUU852060 UEQ852057:UEQ852060 UOM852057:UOM852060 UYI852057:UYI852060 VIE852057:VIE852060 VSA852057:VSA852060 WBW852057:WBW852060 WLS852057:WLS852060 WVO852057:WVO852060 G917593:G917596 JC917593:JC917596 SY917593:SY917596 ACU917593:ACU917596 AMQ917593:AMQ917596 AWM917593:AWM917596 BGI917593:BGI917596 BQE917593:BQE917596 CAA917593:CAA917596 CJW917593:CJW917596 CTS917593:CTS917596 DDO917593:DDO917596 DNK917593:DNK917596 DXG917593:DXG917596 EHC917593:EHC917596 EQY917593:EQY917596 FAU917593:FAU917596 FKQ917593:FKQ917596 FUM917593:FUM917596 GEI917593:GEI917596 GOE917593:GOE917596 GYA917593:GYA917596 HHW917593:HHW917596 HRS917593:HRS917596 IBO917593:IBO917596 ILK917593:ILK917596 IVG917593:IVG917596 JFC917593:JFC917596 JOY917593:JOY917596 JYU917593:JYU917596 KIQ917593:KIQ917596 KSM917593:KSM917596 LCI917593:LCI917596 LME917593:LME917596 LWA917593:LWA917596 MFW917593:MFW917596 MPS917593:MPS917596 MZO917593:MZO917596 NJK917593:NJK917596 NTG917593:NTG917596 ODC917593:ODC917596 OMY917593:OMY917596 OWU917593:OWU917596 PGQ917593:PGQ917596 PQM917593:PQM917596 QAI917593:QAI917596 QKE917593:QKE917596 QUA917593:QUA917596 RDW917593:RDW917596 RNS917593:RNS917596 RXO917593:RXO917596 SHK917593:SHK917596 SRG917593:SRG917596 TBC917593:TBC917596 TKY917593:TKY917596 TUU917593:TUU917596 UEQ917593:UEQ917596 UOM917593:UOM917596 UYI917593:UYI917596 VIE917593:VIE917596 VSA917593:VSA917596 WBW917593:WBW917596 WLS917593:WLS917596 WVO917593:WVO917596 G983129:G983132 JC983129:JC983132 SY983129:SY983132 ACU983129:ACU983132 AMQ983129:AMQ983132 AWM983129:AWM983132 BGI983129:BGI983132 BQE983129:BQE983132 CAA983129:CAA983132 CJW983129:CJW983132 CTS983129:CTS983132 DDO983129:DDO983132 DNK983129:DNK983132 DXG983129:DXG983132 EHC983129:EHC983132 EQY983129:EQY983132 FAU983129:FAU983132 FKQ983129:FKQ983132 FUM983129:FUM983132 GEI983129:GEI983132 GOE983129:GOE983132 GYA983129:GYA983132 HHW983129:HHW983132 HRS983129:HRS983132 IBO983129:IBO983132 ILK983129:ILK983132 IVG983129:IVG983132 JFC983129:JFC983132 JOY983129:JOY983132 JYU983129:JYU983132 KIQ983129:KIQ983132 KSM983129:KSM983132 LCI983129:LCI983132 LME983129:LME983132 LWA983129:LWA983132 MFW983129:MFW983132 MPS983129:MPS983132 MZO983129:MZO983132 NJK983129:NJK983132 NTG983129:NTG983132 ODC983129:ODC983132 OMY983129:OMY983132 OWU983129:OWU983132 PGQ983129:PGQ983132 PQM983129:PQM983132 QAI983129:QAI983132 QKE983129:QKE983132 QUA983129:QUA983132 RDW983129:RDW983132 RNS983129:RNS983132 RXO983129:RXO983132 SHK983129:SHK983132 SRG983129:SRG983132 TBC983129:TBC983132 TKY983129:TKY983132 TUU983129:TUU983132 UEQ983129:UEQ983132 UOM983129:UOM983132 UYI983129:UYI983132 VIE983129:VIE983132 VSA983129:VSA983132 WBW983129:WBW983132 WLS983129:WLS983132 WVO983129:WVO983132 V97 JR97 TN97 ADJ97 ANF97 AXB97 BGX97 BQT97 CAP97 CKL97 CUH97 DED97 DNZ97 DXV97 EHR97 ERN97 FBJ97 FLF97 FVB97 GEX97 GOT97 GYP97 HIL97 HSH97 ICD97 ILZ97 IVV97 JFR97 JPN97 JZJ97 KJF97 KTB97 LCX97 LMT97 LWP97 MGL97 MQH97 NAD97 NJZ97 NTV97 ODR97 ONN97 OXJ97 PHF97 PRB97 QAX97 QKT97 QUP97 REL97 ROH97 RYD97 SHZ97 SRV97 TBR97 TLN97 TVJ97 UFF97 UPB97 UYX97 VIT97 VSP97 WCL97 WMH97 WWD97 V65633 JR65633 TN65633 ADJ65633 ANF65633 AXB65633 BGX65633 BQT65633 CAP65633 CKL65633 CUH65633 DED65633 DNZ65633 DXV65633 EHR65633 ERN65633 FBJ65633 FLF65633 FVB65633 GEX65633 GOT65633 GYP65633 HIL65633 HSH65633 ICD65633 ILZ65633 IVV65633 JFR65633 JPN65633 JZJ65633 KJF65633 KTB65633 LCX65633 LMT65633 LWP65633 MGL65633 MQH65633 NAD65633 NJZ65633 NTV65633 ODR65633 ONN65633 OXJ65633 PHF65633 PRB65633 QAX65633 QKT65633 QUP65633 REL65633 ROH65633 RYD65633 SHZ65633 SRV65633 TBR65633 TLN65633 TVJ65633 UFF65633 UPB65633 UYX65633 VIT65633 VSP65633 WCL65633 WMH65633 WWD65633 V131169 JR131169 TN131169 ADJ131169 ANF131169 AXB131169 BGX131169 BQT131169 CAP131169 CKL131169 CUH131169 DED131169 DNZ131169 DXV131169 EHR131169 ERN131169 FBJ131169 FLF131169 FVB131169 GEX131169 GOT131169 GYP131169 HIL131169 HSH131169 ICD131169 ILZ131169 IVV131169 JFR131169 JPN131169 JZJ131169 KJF131169 KTB131169 LCX131169 LMT131169 LWP131169 MGL131169 MQH131169 NAD131169 NJZ131169 NTV131169 ODR131169 ONN131169 OXJ131169 PHF131169 PRB131169 QAX131169 QKT131169 QUP131169 REL131169 ROH131169 RYD131169 SHZ131169 SRV131169 TBR131169 TLN131169 TVJ131169 UFF131169 UPB131169 UYX131169 VIT131169 VSP131169 WCL131169 WMH131169 WWD131169 V196705 JR196705 TN196705 ADJ196705 ANF196705 AXB196705 BGX196705 BQT196705 CAP196705 CKL196705 CUH196705 DED196705 DNZ196705 DXV196705 EHR196705 ERN196705 FBJ196705 FLF196705 FVB196705 GEX196705 GOT196705 GYP196705 HIL196705 HSH196705 ICD196705 ILZ196705 IVV196705 JFR196705 JPN196705 JZJ196705 KJF196705 KTB196705 LCX196705 LMT196705 LWP196705 MGL196705 MQH196705 NAD196705 NJZ196705 NTV196705 ODR196705 ONN196705 OXJ196705 PHF196705 PRB196705 QAX196705 QKT196705 QUP196705 REL196705 ROH196705 RYD196705 SHZ196705 SRV196705 TBR196705 TLN196705 TVJ196705 UFF196705 UPB196705 UYX196705 VIT196705 VSP196705 WCL196705 WMH196705 WWD196705 V262241 JR262241 TN262241 ADJ262241 ANF262241 AXB262241 BGX262241 BQT262241 CAP262241 CKL262241 CUH262241 DED262241 DNZ262241 DXV262241 EHR262241 ERN262241 FBJ262241 FLF262241 FVB262241 GEX262241 GOT262241 GYP262241 HIL262241 HSH262241 ICD262241 ILZ262241 IVV262241 JFR262241 JPN262241 JZJ262241 KJF262241 KTB262241 LCX262241 LMT262241 LWP262241 MGL262241 MQH262241 NAD262241 NJZ262241 NTV262241 ODR262241 ONN262241 OXJ262241 PHF262241 PRB262241 QAX262241 QKT262241 QUP262241 REL262241 ROH262241 RYD262241 SHZ262241 SRV262241 TBR262241 TLN262241 TVJ262241 UFF262241 UPB262241 UYX262241 VIT262241 VSP262241 WCL262241 WMH262241 WWD262241 V327777 JR327777 TN327777 ADJ327777 ANF327777 AXB327777 BGX327777 BQT327777 CAP327777 CKL327777 CUH327777 DED327777 DNZ327777 DXV327777 EHR327777 ERN327777 FBJ327777 FLF327777 FVB327777 GEX327777 GOT327777 GYP327777 HIL327777 HSH327777 ICD327777 ILZ327777 IVV327777 JFR327777 JPN327777 JZJ327777 KJF327777 KTB327777 LCX327777 LMT327777 LWP327777 MGL327777 MQH327777 NAD327777 NJZ327777 NTV327777 ODR327777 ONN327777 OXJ327777 PHF327777 PRB327777 QAX327777 QKT327777 QUP327777 REL327777 ROH327777 RYD327777 SHZ327777 SRV327777 TBR327777 TLN327777 TVJ327777 UFF327777 UPB327777 UYX327777 VIT327777 VSP327777 WCL327777 WMH327777 WWD327777 V393313 JR393313 TN393313 ADJ393313 ANF393313 AXB393313 BGX393313 BQT393313 CAP393313 CKL393313 CUH393313 DED393313 DNZ393313 DXV393313 EHR393313 ERN393313 FBJ393313 FLF393313 FVB393313 GEX393313 GOT393313 GYP393313 HIL393313 HSH393313 ICD393313 ILZ393313 IVV393313 JFR393313 JPN393313 JZJ393313 KJF393313 KTB393313 LCX393313 LMT393313 LWP393313 MGL393313 MQH393313 NAD393313 NJZ393313 NTV393313 ODR393313 ONN393313 OXJ393313 PHF393313 PRB393313 QAX393313 QKT393313 QUP393313 REL393313 ROH393313 RYD393313 SHZ393313 SRV393313 TBR393313 TLN393313 TVJ393313 UFF393313 UPB393313 UYX393313 VIT393313 VSP393313 WCL393313 WMH393313 WWD393313 V458849 JR458849 TN458849 ADJ458849 ANF458849 AXB458849 BGX458849 BQT458849 CAP458849 CKL458849 CUH458849 DED458849 DNZ458849 DXV458849 EHR458849 ERN458849 FBJ458849 FLF458849 FVB458849 GEX458849 GOT458849 GYP458849 HIL458849 HSH458849 ICD458849 ILZ458849 IVV458849 JFR458849 JPN458849 JZJ458849 KJF458849 KTB458849 LCX458849 LMT458849 LWP458849 MGL458849 MQH458849 NAD458849 NJZ458849 NTV458849 ODR458849 ONN458849 OXJ458849 PHF458849 PRB458849 QAX458849 QKT458849 QUP458849 REL458849 ROH458849 RYD458849 SHZ458849 SRV458849 TBR458849 TLN458849 TVJ458849 UFF458849 UPB458849 UYX458849 VIT458849 VSP458849 WCL458849 WMH458849 WWD458849 V524385 JR524385 TN524385 ADJ524385 ANF524385 AXB524385 BGX524385 BQT524385 CAP524385 CKL524385 CUH524385 DED524385 DNZ524385 DXV524385 EHR524385 ERN524385 FBJ524385 FLF524385 FVB524385 GEX524385 GOT524385 GYP524385 HIL524385 HSH524385 ICD524385 ILZ524385 IVV524385 JFR524385 JPN524385 JZJ524385 KJF524385 KTB524385 LCX524385 LMT524385 LWP524385 MGL524385 MQH524385 NAD524385 NJZ524385 NTV524385 ODR524385 ONN524385 OXJ524385 PHF524385 PRB524385 QAX524385 QKT524385 QUP524385 REL524385 ROH524385 RYD524385 SHZ524385 SRV524385 TBR524385 TLN524385 TVJ524385 UFF524385 UPB524385 UYX524385 VIT524385 VSP524385 WCL524385 WMH524385 WWD524385 V589921 JR589921 TN589921 ADJ589921 ANF589921 AXB589921 BGX589921 BQT589921 CAP589921 CKL589921 CUH589921 DED589921 DNZ589921 DXV589921 EHR589921 ERN589921 FBJ589921 FLF589921 FVB589921 GEX589921 GOT589921 GYP589921 HIL589921 HSH589921 ICD589921 ILZ589921 IVV589921 JFR589921 JPN589921 JZJ589921 KJF589921 KTB589921 LCX589921 LMT589921 LWP589921 MGL589921 MQH589921 NAD589921 NJZ589921 NTV589921 ODR589921 ONN589921 OXJ589921 PHF589921 PRB589921 QAX589921 QKT589921 QUP589921 REL589921 ROH589921 RYD589921 SHZ589921 SRV589921 TBR589921 TLN589921 TVJ589921 UFF589921 UPB589921 UYX589921 VIT589921 VSP589921 WCL589921 WMH589921 WWD589921 V655457 JR655457 TN655457 ADJ655457 ANF655457 AXB655457 BGX655457 BQT655457 CAP655457 CKL655457 CUH655457 DED655457 DNZ655457 DXV655457 EHR655457 ERN655457 FBJ655457 FLF655457 FVB655457 GEX655457 GOT655457 GYP655457 HIL655457 HSH655457 ICD655457 ILZ655457 IVV655457 JFR655457 JPN655457 JZJ655457 KJF655457 KTB655457 LCX655457 LMT655457 LWP655457 MGL655457 MQH655457 NAD655457 NJZ655457 NTV655457 ODR655457 ONN655457 OXJ655457 PHF655457 PRB655457 QAX655457 QKT655457 QUP655457 REL655457 ROH655457 RYD655457 SHZ655457 SRV655457 TBR655457 TLN655457 TVJ655457 UFF655457 UPB655457 UYX655457 VIT655457 VSP655457 WCL655457 WMH655457 WWD655457 V720993 JR720993 TN720993 ADJ720993 ANF720993 AXB720993 BGX720993 BQT720993 CAP720993 CKL720993 CUH720993 DED720993 DNZ720993 DXV720993 EHR720993 ERN720993 FBJ720993 FLF720993 FVB720993 GEX720993 GOT720993 GYP720993 HIL720993 HSH720993 ICD720993 ILZ720993 IVV720993 JFR720993 JPN720993 JZJ720993 KJF720993 KTB720993 LCX720993 LMT720993 LWP720993 MGL720993 MQH720993 NAD720993 NJZ720993 NTV720993 ODR720993 ONN720993 OXJ720993 PHF720993 PRB720993 QAX720993 QKT720993 QUP720993 REL720993 ROH720993 RYD720993 SHZ720993 SRV720993 TBR720993 TLN720993 TVJ720993 UFF720993 UPB720993 UYX720993 VIT720993 VSP720993 WCL720993 WMH720993 WWD720993 V786529 JR786529 TN786529 ADJ786529 ANF786529 AXB786529 BGX786529 BQT786529 CAP786529 CKL786529 CUH786529 DED786529 DNZ786529 DXV786529 EHR786529 ERN786529 FBJ786529 FLF786529 FVB786529 GEX786529 GOT786529 GYP786529 HIL786529 HSH786529 ICD786529 ILZ786529 IVV786529 JFR786529 JPN786529 JZJ786529 KJF786529 KTB786529 LCX786529 LMT786529 LWP786529 MGL786529 MQH786529 NAD786529 NJZ786529 NTV786529 ODR786529 ONN786529 OXJ786529 PHF786529 PRB786529 QAX786529 QKT786529 QUP786529 REL786529 ROH786529 RYD786529 SHZ786529 SRV786529 TBR786529 TLN786529 TVJ786529 UFF786529 UPB786529 UYX786529 VIT786529 VSP786529 WCL786529 WMH786529 WWD786529 V852065 JR852065 TN852065 ADJ852065 ANF852065 AXB852065 BGX852065 BQT852065 CAP852065 CKL852065 CUH852065 DED852065 DNZ852065 DXV852065 EHR852065 ERN852065 FBJ852065 FLF852065 FVB852065 GEX852065 GOT852065 GYP852065 HIL852065 HSH852065 ICD852065 ILZ852065 IVV852065 JFR852065 JPN852065 JZJ852065 KJF852065 KTB852065 LCX852065 LMT852065 LWP852065 MGL852065 MQH852065 NAD852065 NJZ852065 NTV852065 ODR852065 ONN852065 OXJ852065 PHF852065 PRB852065 QAX852065 QKT852065 QUP852065 REL852065 ROH852065 RYD852065 SHZ852065 SRV852065 TBR852065 TLN852065 TVJ852065 UFF852065 UPB852065 UYX852065 VIT852065 VSP852065 WCL852065 WMH852065 WWD852065 V917601 JR917601 TN917601 ADJ917601 ANF917601 AXB917601 BGX917601 BQT917601 CAP917601 CKL917601 CUH917601 DED917601 DNZ917601 DXV917601 EHR917601 ERN917601 FBJ917601 FLF917601 FVB917601 GEX917601 GOT917601 GYP917601 HIL917601 HSH917601 ICD917601 ILZ917601 IVV917601 JFR917601 JPN917601 JZJ917601 KJF917601 KTB917601 LCX917601 LMT917601 LWP917601 MGL917601 MQH917601 NAD917601 NJZ917601 NTV917601 ODR917601 ONN917601 OXJ917601 PHF917601 PRB917601 QAX917601 QKT917601 QUP917601 REL917601 ROH917601 RYD917601 SHZ917601 SRV917601 TBR917601 TLN917601 TVJ917601 UFF917601 UPB917601 UYX917601 VIT917601 VSP917601 WCL917601 WMH917601 WWD917601 V983137 JR983137 TN983137 ADJ983137 ANF983137 AXB983137 BGX983137 BQT983137 CAP983137 CKL983137 CUH983137 DED983137 DNZ983137 DXV983137 EHR983137 ERN983137 FBJ983137 FLF983137 FVB983137 GEX983137 GOT983137 GYP983137 HIL983137 HSH983137 ICD983137 ILZ983137 IVV983137 JFR983137 JPN983137 JZJ983137 KJF983137 KTB983137 LCX983137 LMT983137 LWP983137 MGL983137 MQH983137 NAD983137 NJZ983137 NTV983137 ODR983137 ONN983137 OXJ983137 PHF983137 PRB983137 QAX983137 QKT983137 QUP983137 REL983137 ROH983137 RYD983137 SHZ983137 SRV983137 TBR983137 TLN983137 TVJ983137 UFF983137 UPB983137 UYX983137 VIT983137 VSP983137 WCL983137 WMH983137 WWD983137 X97 JT97 TP97 ADL97 ANH97 AXD97 BGZ97 BQV97 CAR97 CKN97 CUJ97 DEF97 DOB97 DXX97 EHT97 ERP97 FBL97 FLH97 FVD97 GEZ97 GOV97 GYR97 HIN97 HSJ97 ICF97 IMB97 IVX97 JFT97 JPP97 JZL97 KJH97 KTD97 LCZ97 LMV97 LWR97 MGN97 MQJ97 NAF97 NKB97 NTX97 ODT97 ONP97 OXL97 PHH97 PRD97 QAZ97 QKV97 QUR97 REN97 ROJ97 RYF97 SIB97 SRX97 TBT97 TLP97 TVL97 UFH97 UPD97 UYZ97 VIV97 VSR97 WCN97 WMJ97 WWF97 X65633 JT65633 TP65633 ADL65633 ANH65633 AXD65633 BGZ65633 BQV65633 CAR65633 CKN65633 CUJ65633 DEF65633 DOB65633 DXX65633 EHT65633 ERP65633 FBL65633 FLH65633 FVD65633 GEZ65633 GOV65633 GYR65633 HIN65633 HSJ65633 ICF65633 IMB65633 IVX65633 JFT65633 JPP65633 JZL65633 KJH65633 KTD65633 LCZ65633 LMV65633 LWR65633 MGN65633 MQJ65633 NAF65633 NKB65633 NTX65633 ODT65633 ONP65633 OXL65633 PHH65633 PRD65633 QAZ65633 QKV65633 QUR65633 REN65633 ROJ65633 RYF65633 SIB65633 SRX65633 TBT65633 TLP65633 TVL65633 UFH65633 UPD65633 UYZ65633 VIV65633 VSR65633 WCN65633 WMJ65633 WWF65633 X131169 JT131169 TP131169 ADL131169 ANH131169 AXD131169 BGZ131169 BQV131169 CAR131169 CKN131169 CUJ131169 DEF131169 DOB131169 DXX131169 EHT131169 ERP131169 FBL131169 FLH131169 FVD131169 GEZ131169 GOV131169 GYR131169 HIN131169 HSJ131169 ICF131169 IMB131169 IVX131169 JFT131169 JPP131169 JZL131169 KJH131169 KTD131169 LCZ131169 LMV131169 LWR131169 MGN131169 MQJ131169 NAF131169 NKB131169 NTX131169 ODT131169 ONP131169 OXL131169 PHH131169 PRD131169 QAZ131169 QKV131169 QUR131169 REN131169 ROJ131169 RYF131169 SIB131169 SRX131169 TBT131169 TLP131169 TVL131169 UFH131169 UPD131169 UYZ131169 VIV131169 VSR131169 WCN131169 WMJ131169 WWF131169 X196705 JT196705 TP196705 ADL196705 ANH196705 AXD196705 BGZ196705 BQV196705 CAR196705 CKN196705 CUJ196705 DEF196705 DOB196705 DXX196705 EHT196705 ERP196705 FBL196705 FLH196705 FVD196705 GEZ196705 GOV196705 GYR196705 HIN196705 HSJ196705 ICF196705 IMB196705 IVX196705 JFT196705 JPP196705 JZL196705 KJH196705 KTD196705 LCZ196705 LMV196705 LWR196705 MGN196705 MQJ196705 NAF196705 NKB196705 NTX196705 ODT196705 ONP196705 OXL196705 PHH196705 PRD196705 QAZ196705 QKV196705 QUR196705 REN196705 ROJ196705 RYF196705 SIB196705 SRX196705 TBT196705 TLP196705 TVL196705 UFH196705 UPD196705 UYZ196705 VIV196705 VSR196705 WCN196705 WMJ196705 WWF196705 X262241 JT262241 TP262241 ADL262241 ANH262241 AXD262241 BGZ262241 BQV262241 CAR262241 CKN262241 CUJ262241 DEF262241 DOB262241 DXX262241 EHT262241 ERP262241 FBL262241 FLH262241 FVD262241 GEZ262241 GOV262241 GYR262241 HIN262241 HSJ262241 ICF262241 IMB262241 IVX262241 JFT262241 JPP262241 JZL262241 KJH262241 KTD262241 LCZ262241 LMV262241 LWR262241 MGN262241 MQJ262241 NAF262241 NKB262241 NTX262241 ODT262241 ONP262241 OXL262241 PHH262241 PRD262241 QAZ262241 QKV262241 QUR262241 REN262241 ROJ262241 RYF262241 SIB262241 SRX262241 TBT262241 TLP262241 TVL262241 UFH262241 UPD262241 UYZ262241 VIV262241 VSR262241 WCN262241 WMJ262241 WWF262241 X327777 JT327777 TP327777 ADL327777 ANH327777 AXD327777 BGZ327777 BQV327777 CAR327777 CKN327777 CUJ327777 DEF327777 DOB327777 DXX327777 EHT327777 ERP327777 FBL327777 FLH327777 FVD327777 GEZ327777 GOV327777 GYR327777 HIN327777 HSJ327777 ICF327777 IMB327777 IVX327777 JFT327777 JPP327777 JZL327777 KJH327777 KTD327777 LCZ327777 LMV327777 LWR327777 MGN327777 MQJ327777 NAF327777 NKB327777 NTX327777 ODT327777 ONP327777 OXL327777 PHH327777 PRD327777 QAZ327777 QKV327777 QUR327777 REN327777 ROJ327777 RYF327777 SIB327777 SRX327777 TBT327777 TLP327777 TVL327777 UFH327777 UPD327777 UYZ327777 VIV327777 VSR327777 WCN327777 WMJ327777 WWF327777 X393313 JT393313 TP393313 ADL393313 ANH393313 AXD393313 BGZ393313 BQV393313 CAR393313 CKN393313 CUJ393313 DEF393313 DOB393313 DXX393313 EHT393313 ERP393313 FBL393313 FLH393313 FVD393313 GEZ393313 GOV393313 GYR393313 HIN393313 HSJ393313 ICF393313 IMB393313 IVX393313 JFT393313 JPP393313 JZL393313 KJH393313 KTD393313 LCZ393313 LMV393313 LWR393313 MGN393313 MQJ393313 NAF393313 NKB393313 NTX393313 ODT393313 ONP393313 OXL393313 PHH393313 PRD393313 QAZ393313 QKV393313 QUR393313 REN393313 ROJ393313 RYF393313 SIB393313 SRX393313 TBT393313 TLP393313 TVL393313 UFH393313 UPD393313 UYZ393313 VIV393313 VSR393313 WCN393313 WMJ393313 WWF393313 X458849 JT458849 TP458849 ADL458849 ANH458849 AXD458849 BGZ458849 BQV458849 CAR458849 CKN458849 CUJ458849 DEF458849 DOB458849 DXX458849 EHT458849 ERP458849 FBL458849 FLH458849 FVD458849 GEZ458849 GOV458849 GYR458849 HIN458849 HSJ458849 ICF458849 IMB458849 IVX458849 JFT458849 JPP458849 JZL458849 KJH458849 KTD458849 LCZ458849 LMV458849 LWR458849 MGN458849 MQJ458849 NAF458849 NKB458849 NTX458849 ODT458849 ONP458849 OXL458849 PHH458849 PRD458849 QAZ458849 QKV458849 QUR458849 REN458849 ROJ458849 RYF458849 SIB458849 SRX458849 TBT458849 TLP458849 TVL458849 UFH458849 UPD458849 UYZ458849 VIV458849 VSR458849 WCN458849 WMJ458849 WWF458849 X524385 JT524385 TP524385 ADL524385 ANH524385 AXD524385 BGZ524385 BQV524385 CAR524385 CKN524385 CUJ524385 DEF524385 DOB524385 DXX524385 EHT524385 ERP524385 FBL524385 FLH524385 FVD524385 GEZ524385 GOV524385 GYR524385 HIN524385 HSJ524385 ICF524385 IMB524385 IVX524385 JFT524385 JPP524385 JZL524385 KJH524385 KTD524385 LCZ524385 LMV524385 LWR524385 MGN524385 MQJ524385 NAF524385 NKB524385 NTX524385 ODT524385 ONP524385 OXL524385 PHH524385 PRD524385 QAZ524385 QKV524385 QUR524385 REN524385 ROJ524385 RYF524385 SIB524385 SRX524385 TBT524385 TLP524385 TVL524385 UFH524385 UPD524385 UYZ524385 VIV524385 VSR524385 WCN524385 WMJ524385 WWF524385 X589921 JT589921 TP589921 ADL589921 ANH589921 AXD589921 BGZ589921 BQV589921 CAR589921 CKN589921 CUJ589921 DEF589921 DOB589921 DXX589921 EHT589921 ERP589921 FBL589921 FLH589921 FVD589921 GEZ589921 GOV589921 GYR589921 HIN589921 HSJ589921 ICF589921 IMB589921 IVX589921 JFT589921 JPP589921 JZL589921 KJH589921 KTD589921 LCZ589921 LMV589921 LWR589921 MGN589921 MQJ589921 NAF589921 NKB589921 NTX589921 ODT589921 ONP589921 OXL589921 PHH589921 PRD589921 QAZ589921 QKV589921 QUR589921 REN589921 ROJ589921 RYF589921 SIB589921 SRX589921 TBT589921 TLP589921 TVL589921 UFH589921 UPD589921 UYZ589921 VIV589921 VSR589921 WCN589921 WMJ589921 WWF589921 X655457 JT655457 TP655457 ADL655457 ANH655457 AXD655457 BGZ655457 BQV655457 CAR655457 CKN655457 CUJ655457 DEF655457 DOB655457 DXX655457 EHT655457 ERP655457 FBL655457 FLH655457 FVD655457 GEZ655457 GOV655457 GYR655457 HIN655457 HSJ655457 ICF655457 IMB655457 IVX655457 JFT655457 JPP655457 JZL655457 KJH655457 KTD655457 LCZ655457 LMV655457 LWR655457 MGN655457 MQJ655457 NAF655457 NKB655457 NTX655457 ODT655457 ONP655457 OXL655457 PHH655457 PRD655457 QAZ655457 QKV655457 QUR655457 REN655457 ROJ655457 RYF655457 SIB655457 SRX655457 TBT655457 TLP655457 TVL655457 UFH655457 UPD655457 UYZ655457 VIV655457 VSR655457 WCN655457 WMJ655457 WWF655457 X720993 JT720993 TP720993 ADL720993 ANH720993 AXD720993 BGZ720993 BQV720993 CAR720993 CKN720993 CUJ720993 DEF720993 DOB720993 DXX720993 EHT720993 ERP720993 FBL720993 FLH720993 FVD720993 GEZ720993 GOV720993 GYR720993 HIN720993 HSJ720993 ICF720993 IMB720993 IVX720993 JFT720993 JPP720993 JZL720993 KJH720993 KTD720993 LCZ720993 LMV720993 LWR720993 MGN720993 MQJ720993 NAF720993 NKB720993 NTX720993 ODT720993 ONP720993 OXL720993 PHH720993 PRD720993 QAZ720993 QKV720993 QUR720993 REN720993 ROJ720993 RYF720993 SIB720993 SRX720993 TBT720993 TLP720993 TVL720993 UFH720993 UPD720993 UYZ720993 VIV720993 VSR720993 WCN720993 WMJ720993 WWF720993 X786529 JT786529 TP786529 ADL786529 ANH786529 AXD786529 BGZ786529 BQV786529 CAR786529 CKN786529 CUJ786529 DEF786529 DOB786529 DXX786529 EHT786529 ERP786529 FBL786529 FLH786529 FVD786529 GEZ786529 GOV786529 GYR786529 HIN786529 HSJ786529 ICF786529 IMB786529 IVX786529 JFT786529 JPP786529 JZL786529 KJH786529 KTD786529 LCZ786529 LMV786529 LWR786529 MGN786529 MQJ786529 NAF786529 NKB786529 NTX786529 ODT786529 ONP786529 OXL786529 PHH786529 PRD786529 QAZ786529 QKV786529 QUR786529 REN786529 ROJ786529 RYF786529 SIB786529 SRX786529 TBT786529 TLP786529 TVL786529 UFH786529 UPD786529 UYZ786529 VIV786529 VSR786529 WCN786529 WMJ786529 WWF786529 X852065 JT852065 TP852065 ADL852065 ANH852065 AXD852065 BGZ852065 BQV852065 CAR852065 CKN852065 CUJ852065 DEF852065 DOB852065 DXX852065 EHT852065 ERP852065 FBL852065 FLH852065 FVD852065 GEZ852065 GOV852065 GYR852065 HIN852065 HSJ852065 ICF852065 IMB852065 IVX852065 JFT852065 JPP852065 JZL852065 KJH852065 KTD852065 LCZ852065 LMV852065 LWR852065 MGN852065 MQJ852065 NAF852065 NKB852065 NTX852065 ODT852065 ONP852065 OXL852065 PHH852065 PRD852065 QAZ852065 QKV852065 QUR852065 REN852065 ROJ852065 RYF852065 SIB852065 SRX852065 TBT852065 TLP852065 TVL852065 UFH852065 UPD852065 UYZ852065 VIV852065 VSR852065 WCN852065 WMJ852065 WWF852065 X917601 JT917601 TP917601 ADL917601 ANH917601 AXD917601 BGZ917601 BQV917601 CAR917601 CKN917601 CUJ917601 DEF917601 DOB917601 DXX917601 EHT917601 ERP917601 FBL917601 FLH917601 FVD917601 GEZ917601 GOV917601 GYR917601 HIN917601 HSJ917601 ICF917601 IMB917601 IVX917601 JFT917601 JPP917601 JZL917601 KJH917601 KTD917601 LCZ917601 LMV917601 LWR917601 MGN917601 MQJ917601 NAF917601 NKB917601 NTX917601 ODT917601 ONP917601 OXL917601 PHH917601 PRD917601 QAZ917601 QKV917601 QUR917601 REN917601 ROJ917601 RYF917601 SIB917601 SRX917601 TBT917601 TLP917601 TVL917601 UFH917601 UPD917601 UYZ917601 VIV917601 VSR917601 WCN917601 WMJ917601 WWF917601 X983137 JT983137 TP983137 ADL983137 ANH983137 AXD983137 BGZ983137 BQV983137 CAR983137 CKN983137 CUJ983137 DEF983137 DOB983137 DXX983137 EHT983137 ERP983137 FBL983137 FLH983137 FVD983137 GEZ983137 GOV983137 GYR983137 HIN983137 HSJ983137 ICF983137 IMB983137 IVX983137 JFT983137 JPP983137 JZL983137 KJH983137 KTD983137 LCZ983137 LMV983137 LWR983137 MGN983137 MQJ983137 NAF983137 NKB983137 NTX983137 ODT983137 ONP983137 OXL983137 PHH983137 PRD983137 QAZ983137 QKV983137 QUR983137 REN983137 ROJ983137 RYF983137 SIB983137 SRX983137 TBT983137 TLP983137 TVL983137 UFH983137 UPD983137 UYZ983137 VIV983137 VSR983137 WCN983137 WMJ983137 WWF983137 V99 JR99 TN99 ADJ99 ANF99 AXB99 BGX99 BQT99 CAP99 CKL99 CUH99 DED99 DNZ99 DXV99 EHR99 ERN99 FBJ99 FLF99 FVB99 GEX99 GOT99 GYP99 HIL99 HSH99 ICD99 ILZ99 IVV99 JFR99 JPN99 JZJ99 KJF99 KTB99 LCX99 LMT99 LWP99 MGL99 MQH99 NAD99 NJZ99 NTV99 ODR99 ONN99 OXJ99 PHF99 PRB99 QAX99 QKT99 QUP99 REL99 ROH99 RYD99 SHZ99 SRV99 TBR99 TLN99 TVJ99 UFF99 UPB99 UYX99 VIT99 VSP99 WCL99 WMH99 WWD99 V65635 JR65635 TN65635 ADJ65635 ANF65635 AXB65635 BGX65635 BQT65635 CAP65635 CKL65635 CUH65635 DED65635 DNZ65635 DXV65635 EHR65635 ERN65635 FBJ65635 FLF65635 FVB65635 GEX65635 GOT65635 GYP65635 HIL65635 HSH65635 ICD65635 ILZ65635 IVV65635 JFR65635 JPN65635 JZJ65635 KJF65635 KTB65635 LCX65635 LMT65635 LWP65635 MGL65635 MQH65635 NAD65635 NJZ65635 NTV65635 ODR65635 ONN65635 OXJ65635 PHF65635 PRB65635 QAX65635 QKT65635 QUP65635 REL65635 ROH65635 RYD65635 SHZ65635 SRV65635 TBR65635 TLN65635 TVJ65635 UFF65635 UPB65635 UYX65635 VIT65635 VSP65635 WCL65635 WMH65635 WWD65635 V131171 JR131171 TN131171 ADJ131171 ANF131171 AXB131171 BGX131171 BQT131171 CAP131171 CKL131171 CUH131171 DED131171 DNZ131171 DXV131171 EHR131171 ERN131171 FBJ131171 FLF131171 FVB131171 GEX131171 GOT131171 GYP131171 HIL131171 HSH131171 ICD131171 ILZ131171 IVV131171 JFR131171 JPN131171 JZJ131171 KJF131171 KTB131171 LCX131171 LMT131171 LWP131171 MGL131171 MQH131171 NAD131171 NJZ131171 NTV131171 ODR131171 ONN131171 OXJ131171 PHF131171 PRB131171 QAX131171 QKT131171 QUP131171 REL131171 ROH131171 RYD131171 SHZ131171 SRV131171 TBR131171 TLN131171 TVJ131171 UFF131171 UPB131171 UYX131171 VIT131171 VSP131171 WCL131171 WMH131171 WWD131171 V196707 JR196707 TN196707 ADJ196707 ANF196707 AXB196707 BGX196707 BQT196707 CAP196707 CKL196707 CUH196707 DED196707 DNZ196707 DXV196707 EHR196707 ERN196707 FBJ196707 FLF196707 FVB196707 GEX196707 GOT196707 GYP196707 HIL196707 HSH196707 ICD196707 ILZ196707 IVV196707 JFR196707 JPN196707 JZJ196707 KJF196707 KTB196707 LCX196707 LMT196707 LWP196707 MGL196707 MQH196707 NAD196707 NJZ196707 NTV196707 ODR196707 ONN196707 OXJ196707 PHF196707 PRB196707 QAX196707 QKT196707 QUP196707 REL196707 ROH196707 RYD196707 SHZ196707 SRV196707 TBR196707 TLN196707 TVJ196707 UFF196707 UPB196707 UYX196707 VIT196707 VSP196707 WCL196707 WMH196707 WWD196707 V262243 JR262243 TN262243 ADJ262243 ANF262243 AXB262243 BGX262243 BQT262243 CAP262243 CKL262243 CUH262243 DED262243 DNZ262243 DXV262243 EHR262243 ERN262243 FBJ262243 FLF262243 FVB262243 GEX262243 GOT262243 GYP262243 HIL262243 HSH262243 ICD262243 ILZ262243 IVV262243 JFR262243 JPN262243 JZJ262243 KJF262243 KTB262243 LCX262243 LMT262243 LWP262243 MGL262243 MQH262243 NAD262243 NJZ262243 NTV262243 ODR262243 ONN262243 OXJ262243 PHF262243 PRB262243 QAX262243 QKT262243 QUP262243 REL262243 ROH262243 RYD262243 SHZ262243 SRV262243 TBR262243 TLN262243 TVJ262243 UFF262243 UPB262243 UYX262243 VIT262243 VSP262243 WCL262243 WMH262243 WWD262243 V327779 JR327779 TN327779 ADJ327779 ANF327779 AXB327779 BGX327779 BQT327779 CAP327779 CKL327779 CUH327779 DED327779 DNZ327779 DXV327779 EHR327779 ERN327779 FBJ327779 FLF327779 FVB327779 GEX327779 GOT327779 GYP327779 HIL327779 HSH327779 ICD327779 ILZ327779 IVV327779 JFR327779 JPN327779 JZJ327779 KJF327779 KTB327779 LCX327779 LMT327779 LWP327779 MGL327779 MQH327779 NAD327779 NJZ327779 NTV327779 ODR327779 ONN327779 OXJ327779 PHF327779 PRB327779 QAX327779 QKT327779 QUP327779 REL327779 ROH327779 RYD327779 SHZ327779 SRV327779 TBR327779 TLN327779 TVJ327779 UFF327779 UPB327779 UYX327779 VIT327779 VSP327779 WCL327779 WMH327779 WWD327779 V393315 JR393315 TN393315 ADJ393315 ANF393315 AXB393315 BGX393315 BQT393315 CAP393315 CKL393315 CUH393315 DED393315 DNZ393315 DXV393315 EHR393315 ERN393315 FBJ393315 FLF393315 FVB393315 GEX393315 GOT393315 GYP393315 HIL393315 HSH393315 ICD393315 ILZ393315 IVV393315 JFR393315 JPN393315 JZJ393315 KJF393315 KTB393315 LCX393315 LMT393315 LWP393315 MGL393315 MQH393315 NAD393315 NJZ393315 NTV393315 ODR393315 ONN393315 OXJ393315 PHF393315 PRB393315 QAX393315 QKT393315 QUP393315 REL393315 ROH393315 RYD393315 SHZ393315 SRV393315 TBR393315 TLN393315 TVJ393315 UFF393315 UPB393315 UYX393315 VIT393315 VSP393315 WCL393315 WMH393315 WWD393315 V458851 JR458851 TN458851 ADJ458851 ANF458851 AXB458851 BGX458851 BQT458851 CAP458851 CKL458851 CUH458851 DED458851 DNZ458851 DXV458851 EHR458851 ERN458851 FBJ458851 FLF458851 FVB458851 GEX458851 GOT458851 GYP458851 HIL458851 HSH458851 ICD458851 ILZ458851 IVV458851 JFR458851 JPN458851 JZJ458851 KJF458851 KTB458851 LCX458851 LMT458851 LWP458851 MGL458851 MQH458851 NAD458851 NJZ458851 NTV458851 ODR458851 ONN458851 OXJ458851 PHF458851 PRB458851 QAX458851 QKT458851 QUP458851 REL458851 ROH458851 RYD458851 SHZ458851 SRV458851 TBR458851 TLN458851 TVJ458851 UFF458851 UPB458851 UYX458851 VIT458851 VSP458851 WCL458851 WMH458851 WWD458851 V524387 JR524387 TN524387 ADJ524387 ANF524387 AXB524387 BGX524387 BQT524387 CAP524387 CKL524387 CUH524387 DED524387 DNZ524387 DXV524387 EHR524387 ERN524387 FBJ524387 FLF524387 FVB524387 GEX524387 GOT524387 GYP524387 HIL524387 HSH524387 ICD524387 ILZ524387 IVV524387 JFR524387 JPN524387 JZJ524387 KJF524387 KTB524387 LCX524387 LMT524387 LWP524387 MGL524387 MQH524387 NAD524387 NJZ524387 NTV524387 ODR524387 ONN524387 OXJ524387 PHF524387 PRB524387 QAX524387 QKT524387 QUP524387 REL524387 ROH524387 RYD524387 SHZ524387 SRV524387 TBR524387 TLN524387 TVJ524387 UFF524387 UPB524387 UYX524387 VIT524387 VSP524387 WCL524387 WMH524387 WWD524387 V589923 JR589923 TN589923 ADJ589923 ANF589923 AXB589923 BGX589923 BQT589923 CAP589923 CKL589923 CUH589923 DED589923 DNZ589923 DXV589923 EHR589923 ERN589923 FBJ589923 FLF589923 FVB589923 GEX589923 GOT589923 GYP589923 HIL589923 HSH589923 ICD589923 ILZ589923 IVV589923 JFR589923 JPN589923 JZJ589923 KJF589923 KTB589923 LCX589923 LMT589923 LWP589923 MGL589923 MQH589923 NAD589923 NJZ589923 NTV589923 ODR589923 ONN589923 OXJ589923 PHF589923 PRB589923 QAX589923 QKT589923 QUP589923 REL589923 ROH589923 RYD589923 SHZ589923 SRV589923 TBR589923 TLN589923 TVJ589923 UFF589923 UPB589923 UYX589923 VIT589923 VSP589923 WCL589923 WMH589923 WWD589923 V655459 JR655459 TN655459 ADJ655459 ANF655459 AXB655459 BGX655459 BQT655459 CAP655459 CKL655459 CUH655459 DED655459 DNZ655459 DXV655459 EHR655459 ERN655459 FBJ655459 FLF655459 FVB655459 GEX655459 GOT655459 GYP655459 HIL655459 HSH655459 ICD655459 ILZ655459 IVV655459 JFR655459 JPN655459 JZJ655459 KJF655459 KTB655459 LCX655459 LMT655459 LWP655459 MGL655459 MQH655459 NAD655459 NJZ655459 NTV655459 ODR655459 ONN655459 OXJ655459 PHF655459 PRB655459 QAX655459 QKT655459 QUP655459 REL655459 ROH655459 RYD655459 SHZ655459 SRV655459 TBR655459 TLN655459 TVJ655459 UFF655459 UPB655459 UYX655459 VIT655459 VSP655459 WCL655459 WMH655459 WWD655459 V720995 JR720995 TN720995 ADJ720995 ANF720995 AXB720995 BGX720995 BQT720995 CAP720995 CKL720995 CUH720995 DED720995 DNZ720995 DXV720995 EHR720995 ERN720995 FBJ720995 FLF720995 FVB720995 GEX720995 GOT720995 GYP720995 HIL720995 HSH720995 ICD720995 ILZ720995 IVV720995 JFR720995 JPN720995 JZJ720995 KJF720995 KTB720995 LCX720995 LMT720995 LWP720995 MGL720995 MQH720995 NAD720995 NJZ720995 NTV720995 ODR720995 ONN720995 OXJ720995 PHF720995 PRB720995 QAX720995 QKT720995 QUP720995 REL720995 ROH720995 RYD720995 SHZ720995 SRV720995 TBR720995 TLN720995 TVJ720995 UFF720995 UPB720995 UYX720995 VIT720995 VSP720995 WCL720995 WMH720995 WWD720995 V786531 JR786531 TN786531 ADJ786531 ANF786531 AXB786531 BGX786531 BQT786531 CAP786531 CKL786531 CUH786531 DED786531 DNZ786531 DXV786531 EHR786531 ERN786531 FBJ786531 FLF786531 FVB786531 GEX786531 GOT786531 GYP786531 HIL786531 HSH786531 ICD786531 ILZ786531 IVV786531 JFR786531 JPN786531 JZJ786531 KJF786531 KTB786531 LCX786531 LMT786531 LWP786531 MGL786531 MQH786531 NAD786531 NJZ786531 NTV786531 ODR786531 ONN786531 OXJ786531 PHF786531 PRB786531 QAX786531 QKT786531 QUP786531 REL786531 ROH786531 RYD786531 SHZ786531 SRV786531 TBR786531 TLN786531 TVJ786531 UFF786531 UPB786531 UYX786531 VIT786531 VSP786531 WCL786531 WMH786531 WWD786531 V852067 JR852067 TN852067 ADJ852067 ANF852067 AXB852067 BGX852067 BQT852067 CAP852067 CKL852067 CUH852067 DED852067 DNZ852067 DXV852067 EHR852067 ERN852067 FBJ852067 FLF852067 FVB852067 GEX852067 GOT852067 GYP852067 HIL852067 HSH852067 ICD852067 ILZ852067 IVV852067 JFR852067 JPN852067 JZJ852067 KJF852067 KTB852067 LCX852067 LMT852067 LWP852067 MGL852067 MQH852067 NAD852067 NJZ852067 NTV852067 ODR852067 ONN852067 OXJ852067 PHF852067 PRB852067 QAX852067 QKT852067 QUP852067 REL852067 ROH852067 RYD852067 SHZ852067 SRV852067 TBR852067 TLN852067 TVJ852067 UFF852067 UPB852067 UYX852067 VIT852067 VSP852067 WCL852067 WMH852067 WWD852067 V917603 JR917603 TN917603 ADJ917603 ANF917603 AXB917603 BGX917603 BQT917603 CAP917603 CKL917603 CUH917603 DED917603 DNZ917603 DXV917603 EHR917603 ERN917603 FBJ917603 FLF917603 FVB917603 GEX917603 GOT917603 GYP917603 HIL917603 HSH917603 ICD917603 ILZ917603 IVV917603 JFR917603 JPN917603 JZJ917603 KJF917603 KTB917603 LCX917603 LMT917603 LWP917603 MGL917603 MQH917603 NAD917603 NJZ917603 NTV917603 ODR917603 ONN917603 OXJ917603 PHF917603 PRB917603 QAX917603 QKT917603 QUP917603 REL917603 ROH917603 RYD917603 SHZ917603 SRV917603 TBR917603 TLN917603 TVJ917603 UFF917603 UPB917603 UYX917603 VIT917603 VSP917603 WCL917603 WMH917603 WWD917603 V983139 JR983139 TN983139 ADJ983139 ANF983139 AXB983139 BGX983139 BQT983139 CAP983139 CKL983139 CUH983139 DED983139 DNZ983139 DXV983139 EHR983139 ERN983139 FBJ983139 FLF983139 FVB983139 GEX983139 GOT983139 GYP983139 HIL983139 HSH983139 ICD983139 ILZ983139 IVV983139 JFR983139 JPN983139 JZJ983139 KJF983139 KTB983139 LCX983139 LMT983139 LWP983139 MGL983139 MQH983139 NAD983139 NJZ983139 NTV983139 ODR983139 ONN983139 OXJ983139 PHF983139 PRB983139 QAX983139 QKT983139 QUP983139 REL983139 ROH983139 RYD983139 SHZ983139 SRV983139 TBR983139 TLN983139 TVJ983139 UFF983139 UPB983139 UYX983139 VIT983139 VSP983139 WCL983139 WMH983139 WWD983139 X99 JT99 TP99 ADL99 ANH99 AXD99 BGZ99 BQV99 CAR99 CKN99 CUJ99 DEF99 DOB99 DXX99 EHT99 ERP99 FBL99 FLH99 FVD99 GEZ99 GOV99 GYR99 HIN99 HSJ99 ICF99 IMB99 IVX99 JFT99 JPP99 JZL99 KJH99 KTD99 LCZ99 LMV99 LWR99 MGN99 MQJ99 NAF99 NKB99 NTX99 ODT99 ONP99 OXL99 PHH99 PRD99 QAZ99 QKV99 QUR99 REN99 ROJ99 RYF99 SIB99 SRX99 TBT99 TLP99 TVL99 UFH99 UPD99 UYZ99 VIV99 VSR99 WCN99 WMJ99 WWF99 X65635 JT65635 TP65635 ADL65635 ANH65635 AXD65635 BGZ65635 BQV65635 CAR65635 CKN65635 CUJ65635 DEF65635 DOB65635 DXX65635 EHT65635 ERP65635 FBL65635 FLH65635 FVD65635 GEZ65635 GOV65635 GYR65635 HIN65635 HSJ65635 ICF65635 IMB65635 IVX65635 JFT65635 JPP65635 JZL65635 KJH65635 KTD65635 LCZ65635 LMV65635 LWR65635 MGN65635 MQJ65635 NAF65635 NKB65635 NTX65635 ODT65635 ONP65635 OXL65635 PHH65635 PRD65635 QAZ65635 QKV65635 QUR65635 REN65635 ROJ65635 RYF65635 SIB65635 SRX65635 TBT65635 TLP65635 TVL65635 UFH65635 UPD65635 UYZ65635 VIV65635 VSR65635 WCN65635 WMJ65635 WWF65635 X131171 JT131171 TP131171 ADL131171 ANH131171 AXD131171 BGZ131171 BQV131171 CAR131171 CKN131171 CUJ131171 DEF131171 DOB131171 DXX131171 EHT131171 ERP131171 FBL131171 FLH131171 FVD131171 GEZ131171 GOV131171 GYR131171 HIN131171 HSJ131171 ICF131171 IMB131171 IVX131171 JFT131171 JPP131171 JZL131171 KJH131171 KTD131171 LCZ131171 LMV131171 LWR131171 MGN131171 MQJ131171 NAF131171 NKB131171 NTX131171 ODT131171 ONP131171 OXL131171 PHH131171 PRD131171 QAZ131171 QKV131171 QUR131171 REN131171 ROJ131171 RYF131171 SIB131171 SRX131171 TBT131171 TLP131171 TVL131171 UFH131171 UPD131171 UYZ131171 VIV131171 VSR131171 WCN131171 WMJ131171 WWF131171 X196707 JT196707 TP196707 ADL196707 ANH196707 AXD196707 BGZ196707 BQV196707 CAR196707 CKN196707 CUJ196707 DEF196707 DOB196707 DXX196707 EHT196707 ERP196707 FBL196707 FLH196707 FVD196707 GEZ196707 GOV196707 GYR196707 HIN196707 HSJ196707 ICF196707 IMB196707 IVX196707 JFT196707 JPP196707 JZL196707 KJH196707 KTD196707 LCZ196707 LMV196707 LWR196707 MGN196707 MQJ196707 NAF196707 NKB196707 NTX196707 ODT196707 ONP196707 OXL196707 PHH196707 PRD196707 QAZ196707 QKV196707 QUR196707 REN196707 ROJ196707 RYF196707 SIB196707 SRX196707 TBT196707 TLP196707 TVL196707 UFH196707 UPD196707 UYZ196707 VIV196707 VSR196707 WCN196707 WMJ196707 WWF196707 X262243 JT262243 TP262243 ADL262243 ANH262243 AXD262243 BGZ262243 BQV262243 CAR262243 CKN262243 CUJ262243 DEF262243 DOB262243 DXX262243 EHT262243 ERP262243 FBL262243 FLH262243 FVD262243 GEZ262243 GOV262243 GYR262243 HIN262243 HSJ262243 ICF262243 IMB262243 IVX262243 JFT262243 JPP262243 JZL262243 KJH262243 KTD262243 LCZ262243 LMV262243 LWR262243 MGN262243 MQJ262243 NAF262243 NKB262243 NTX262243 ODT262243 ONP262243 OXL262243 PHH262243 PRD262243 QAZ262243 QKV262243 QUR262243 REN262243 ROJ262243 RYF262243 SIB262243 SRX262243 TBT262243 TLP262243 TVL262243 UFH262243 UPD262243 UYZ262243 VIV262243 VSR262243 WCN262243 WMJ262243 WWF262243 X327779 JT327779 TP327779 ADL327779 ANH327779 AXD327779 BGZ327779 BQV327779 CAR327779 CKN327779 CUJ327779 DEF327779 DOB327779 DXX327779 EHT327779 ERP327779 FBL327779 FLH327779 FVD327779 GEZ327779 GOV327779 GYR327779 HIN327779 HSJ327779 ICF327779 IMB327779 IVX327779 JFT327779 JPP327779 JZL327779 KJH327779 KTD327779 LCZ327779 LMV327779 LWR327779 MGN327779 MQJ327779 NAF327779 NKB327779 NTX327779 ODT327779 ONP327779 OXL327779 PHH327779 PRD327779 QAZ327779 QKV327779 QUR327779 REN327779 ROJ327779 RYF327779 SIB327779 SRX327779 TBT327779 TLP327779 TVL327779 UFH327779 UPD327779 UYZ327779 VIV327779 VSR327779 WCN327779 WMJ327779 WWF327779 X393315 JT393315 TP393315 ADL393315 ANH393315 AXD393315 BGZ393315 BQV393315 CAR393315 CKN393315 CUJ393315 DEF393315 DOB393315 DXX393315 EHT393315 ERP393315 FBL393315 FLH393315 FVD393315 GEZ393315 GOV393315 GYR393315 HIN393315 HSJ393315 ICF393315 IMB393315 IVX393315 JFT393315 JPP393315 JZL393315 KJH393315 KTD393315 LCZ393315 LMV393315 LWR393315 MGN393315 MQJ393315 NAF393315 NKB393315 NTX393315 ODT393315 ONP393315 OXL393315 PHH393315 PRD393315 QAZ393315 QKV393315 QUR393315 REN393315 ROJ393315 RYF393315 SIB393315 SRX393315 TBT393315 TLP393315 TVL393315 UFH393315 UPD393315 UYZ393315 VIV393315 VSR393315 WCN393315 WMJ393315 WWF393315 X458851 JT458851 TP458851 ADL458851 ANH458851 AXD458851 BGZ458851 BQV458851 CAR458851 CKN458851 CUJ458851 DEF458851 DOB458851 DXX458851 EHT458851 ERP458851 FBL458851 FLH458851 FVD458851 GEZ458851 GOV458851 GYR458851 HIN458851 HSJ458851 ICF458851 IMB458851 IVX458851 JFT458851 JPP458851 JZL458851 KJH458851 KTD458851 LCZ458851 LMV458851 LWR458851 MGN458851 MQJ458851 NAF458851 NKB458851 NTX458851 ODT458851 ONP458851 OXL458851 PHH458851 PRD458851 QAZ458851 QKV458851 QUR458851 REN458851 ROJ458851 RYF458851 SIB458851 SRX458851 TBT458851 TLP458851 TVL458851 UFH458851 UPD458851 UYZ458851 VIV458851 VSR458851 WCN458851 WMJ458851 WWF458851 X524387 JT524387 TP524387 ADL524387 ANH524387 AXD524387 BGZ524387 BQV524387 CAR524387 CKN524387 CUJ524387 DEF524387 DOB524387 DXX524387 EHT524387 ERP524387 FBL524387 FLH524387 FVD524387 GEZ524387 GOV524387 GYR524387 HIN524387 HSJ524387 ICF524387 IMB524387 IVX524387 JFT524387 JPP524387 JZL524387 KJH524387 KTD524387 LCZ524387 LMV524387 LWR524387 MGN524387 MQJ524387 NAF524387 NKB524387 NTX524387 ODT524387 ONP524387 OXL524387 PHH524387 PRD524387 QAZ524387 QKV524387 QUR524387 REN524387 ROJ524387 RYF524387 SIB524387 SRX524387 TBT524387 TLP524387 TVL524387 UFH524387 UPD524387 UYZ524387 VIV524387 VSR524387 WCN524387 WMJ524387 WWF524387 X589923 JT589923 TP589923 ADL589923 ANH589923 AXD589923 BGZ589923 BQV589923 CAR589923 CKN589923 CUJ589923 DEF589923 DOB589923 DXX589923 EHT589923 ERP589923 FBL589923 FLH589923 FVD589923 GEZ589923 GOV589923 GYR589923 HIN589923 HSJ589923 ICF589923 IMB589923 IVX589923 JFT589923 JPP589923 JZL589923 KJH589923 KTD589923 LCZ589923 LMV589923 LWR589923 MGN589923 MQJ589923 NAF589923 NKB589923 NTX589923 ODT589923 ONP589923 OXL589923 PHH589923 PRD589923 QAZ589923 QKV589923 QUR589923 REN589923 ROJ589923 RYF589923 SIB589923 SRX589923 TBT589923 TLP589923 TVL589923 UFH589923 UPD589923 UYZ589923 VIV589923 VSR589923 WCN589923 WMJ589923 WWF589923 X655459 JT655459 TP655459 ADL655459 ANH655459 AXD655459 BGZ655459 BQV655459 CAR655459 CKN655459 CUJ655459 DEF655459 DOB655459 DXX655459 EHT655459 ERP655459 FBL655459 FLH655459 FVD655459 GEZ655459 GOV655459 GYR655459 HIN655459 HSJ655459 ICF655459 IMB655459 IVX655459 JFT655459 JPP655459 JZL655459 KJH655459 KTD655459 LCZ655459 LMV655459 LWR655459 MGN655459 MQJ655459 NAF655459 NKB655459 NTX655459 ODT655459 ONP655459 OXL655459 PHH655459 PRD655459 QAZ655459 QKV655459 QUR655459 REN655459 ROJ655459 RYF655459 SIB655459 SRX655459 TBT655459 TLP655459 TVL655459 UFH655459 UPD655459 UYZ655459 VIV655459 VSR655459 WCN655459 WMJ655459 WWF655459 X720995 JT720995 TP720995 ADL720995 ANH720995 AXD720995 BGZ720995 BQV720995 CAR720995 CKN720995 CUJ720995 DEF720995 DOB720995 DXX720995 EHT720995 ERP720995 FBL720995 FLH720995 FVD720995 GEZ720995 GOV720995 GYR720995 HIN720995 HSJ720995 ICF720995 IMB720995 IVX720995 JFT720995 JPP720995 JZL720995 KJH720995 KTD720995 LCZ720995 LMV720995 LWR720995 MGN720995 MQJ720995 NAF720995 NKB720995 NTX720995 ODT720995 ONP720995 OXL720995 PHH720995 PRD720995 QAZ720995 QKV720995 QUR720995 REN720995 ROJ720995 RYF720995 SIB720995 SRX720995 TBT720995 TLP720995 TVL720995 UFH720995 UPD720995 UYZ720995 VIV720995 VSR720995 WCN720995 WMJ720995 WWF720995 X786531 JT786531 TP786531 ADL786531 ANH786531 AXD786531 BGZ786531 BQV786531 CAR786531 CKN786531 CUJ786531 DEF786531 DOB786531 DXX786531 EHT786531 ERP786531 FBL786531 FLH786531 FVD786531 GEZ786531 GOV786531 GYR786531 HIN786531 HSJ786531 ICF786531 IMB786531 IVX786531 JFT786531 JPP786531 JZL786531 KJH786531 KTD786531 LCZ786531 LMV786531 LWR786531 MGN786531 MQJ786531 NAF786531 NKB786531 NTX786531 ODT786531 ONP786531 OXL786531 PHH786531 PRD786531 QAZ786531 QKV786531 QUR786531 REN786531 ROJ786531 RYF786531 SIB786531 SRX786531 TBT786531 TLP786531 TVL786531 UFH786531 UPD786531 UYZ786531 VIV786531 VSR786531 WCN786531 WMJ786531 WWF786531 X852067 JT852067 TP852067 ADL852067 ANH852067 AXD852067 BGZ852067 BQV852067 CAR852067 CKN852067 CUJ852067 DEF852067 DOB852067 DXX852067 EHT852067 ERP852067 FBL852067 FLH852067 FVD852067 GEZ852067 GOV852067 GYR852067 HIN852067 HSJ852067 ICF852067 IMB852067 IVX852067 JFT852067 JPP852067 JZL852067 KJH852067 KTD852067 LCZ852067 LMV852067 LWR852067 MGN852067 MQJ852067 NAF852067 NKB852067 NTX852067 ODT852067 ONP852067 OXL852067 PHH852067 PRD852067 QAZ852067 QKV852067 QUR852067 REN852067 ROJ852067 RYF852067 SIB852067 SRX852067 TBT852067 TLP852067 TVL852067 UFH852067 UPD852067 UYZ852067 VIV852067 VSR852067 WCN852067 WMJ852067 WWF852067 X917603 JT917603 TP917603 ADL917603 ANH917603 AXD917603 BGZ917603 BQV917603 CAR917603 CKN917603 CUJ917603 DEF917603 DOB917603 DXX917603 EHT917603 ERP917603 FBL917603 FLH917603 FVD917603 GEZ917603 GOV917603 GYR917603 HIN917603 HSJ917603 ICF917603 IMB917603 IVX917603 JFT917603 JPP917603 JZL917603 KJH917603 KTD917603 LCZ917603 LMV917603 LWR917603 MGN917603 MQJ917603 NAF917603 NKB917603 NTX917603 ODT917603 ONP917603 OXL917603 PHH917603 PRD917603 QAZ917603 QKV917603 QUR917603 REN917603 ROJ917603 RYF917603 SIB917603 SRX917603 TBT917603 TLP917603 TVL917603 UFH917603 UPD917603 UYZ917603 VIV917603 VSR917603 WCN917603 WMJ917603 WWF917603 X983139 JT983139 TP983139 ADL983139 ANH983139 AXD983139 BGZ983139 BQV983139 CAR983139 CKN983139 CUJ983139 DEF983139 DOB983139 DXX983139 EHT983139 ERP983139 FBL983139 FLH983139 FVD983139 GEZ983139 GOV983139 GYR983139 HIN983139 HSJ983139 ICF983139 IMB983139 IVX983139 JFT983139 JPP983139 JZL983139 KJH983139 KTD983139 LCZ983139 LMV983139 LWR983139 MGN983139 MQJ983139 NAF983139 NKB983139 NTX983139 ODT983139 ONP983139 OXL983139 PHH983139 PRD983139 QAZ983139 QKV983139 QUR983139 REN983139 ROJ983139 RYF983139 SIB983139 SRX983139 TBT983139 TLP983139 TVL983139 UFH983139 UPD983139 UYZ983139 VIV983139 VSR983139 WCN983139 WMJ983139 WWF983139 V101 JR101 TN101 ADJ101 ANF101 AXB101 BGX101 BQT101 CAP101 CKL101 CUH101 DED101 DNZ101 DXV101 EHR101 ERN101 FBJ101 FLF101 FVB101 GEX101 GOT101 GYP101 HIL101 HSH101 ICD101 ILZ101 IVV101 JFR101 JPN101 JZJ101 KJF101 KTB101 LCX101 LMT101 LWP101 MGL101 MQH101 NAD101 NJZ101 NTV101 ODR101 ONN101 OXJ101 PHF101 PRB101 QAX101 QKT101 QUP101 REL101 ROH101 RYD101 SHZ101 SRV101 TBR101 TLN101 TVJ101 UFF101 UPB101 UYX101 VIT101 VSP101 WCL101 WMH101 WWD101 V65637 JR65637 TN65637 ADJ65637 ANF65637 AXB65637 BGX65637 BQT65637 CAP65637 CKL65637 CUH65637 DED65637 DNZ65637 DXV65637 EHR65637 ERN65637 FBJ65637 FLF65637 FVB65637 GEX65637 GOT65637 GYP65637 HIL65637 HSH65637 ICD65637 ILZ65637 IVV65637 JFR65637 JPN65637 JZJ65637 KJF65637 KTB65637 LCX65637 LMT65637 LWP65637 MGL65637 MQH65637 NAD65637 NJZ65637 NTV65637 ODR65637 ONN65637 OXJ65637 PHF65637 PRB65637 QAX65637 QKT65637 QUP65637 REL65637 ROH65637 RYD65637 SHZ65637 SRV65637 TBR65637 TLN65637 TVJ65637 UFF65637 UPB65637 UYX65637 VIT65637 VSP65637 WCL65637 WMH65637 WWD65637 V131173 JR131173 TN131173 ADJ131173 ANF131173 AXB131173 BGX131173 BQT131173 CAP131173 CKL131173 CUH131173 DED131173 DNZ131173 DXV131173 EHR131173 ERN131173 FBJ131173 FLF131173 FVB131173 GEX131173 GOT131173 GYP131173 HIL131173 HSH131173 ICD131173 ILZ131173 IVV131173 JFR131173 JPN131173 JZJ131173 KJF131173 KTB131173 LCX131173 LMT131173 LWP131173 MGL131173 MQH131173 NAD131173 NJZ131173 NTV131173 ODR131173 ONN131173 OXJ131173 PHF131173 PRB131173 QAX131173 QKT131173 QUP131173 REL131173 ROH131173 RYD131173 SHZ131173 SRV131173 TBR131173 TLN131173 TVJ131173 UFF131173 UPB131173 UYX131173 VIT131173 VSP131173 WCL131173 WMH131173 WWD131173 V196709 JR196709 TN196709 ADJ196709 ANF196709 AXB196709 BGX196709 BQT196709 CAP196709 CKL196709 CUH196709 DED196709 DNZ196709 DXV196709 EHR196709 ERN196709 FBJ196709 FLF196709 FVB196709 GEX196709 GOT196709 GYP196709 HIL196709 HSH196709 ICD196709 ILZ196709 IVV196709 JFR196709 JPN196709 JZJ196709 KJF196709 KTB196709 LCX196709 LMT196709 LWP196709 MGL196709 MQH196709 NAD196709 NJZ196709 NTV196709 ODR196709 ONN196709 OXJ196709 PHF196709 PRB196709 QAX196709 QKT196709 QUP196709 REL196709 ROH196709 RYD196709 SHZ196709 SRV196709 TBR196709 TLN196709 TVJ196709 UFF196709 UPB196709 UYX196709 VIT196709 VSP196709 WCL196709 WMH196709 WWD196709 V262245 JR262245 TN262245 ADJ262245 ANF262245 AXB262245 BGX262245 BQT262245 CAP262245 CKL262245 CUH262245 DED262245 DNZ262245 DXV262245 EHR262245 ERN262245 FBJ262245 FLF262245 FVB262245 GEX262245 GOT262245 GYP262245 HIL262245 HSH262245 ICD262245 ILZ262245 IVV262245 JFR262245 JPN262245 JZJ262245 KJF262245 KTB262245 LCX262245 LMT262245 LWP262245 MGL262245 MQH262245 NAD262245 NJZ262245 NTV262245 ODR262245 ONN262245 OXJ262245 PHF262245 PRB262245 QAX262245 QKT262245 QUP262245 REL262245 ROH262245 RYD262245 SHZ262245 SRV262245 TBR262245 TLN262245 TVJ262245 UFF262245 UPB262245 UYX262245 VIT262245 VSP262245 WCL262245 WMH262245 WWD262245 V327781 JR327781 TN327781 ADJ327781 ANF327781 AXB327781 BGX327781 BQT327781 CAP327781 CKL327781 CUH327781 DED327781 DNZ327781 DXV327781 EHR327781 ERN327781 FBJ327781 FLF327781 FVB327781 GEX327781 GOT327781 GYP327781 HIL327781 HSH327781 ICD327781 ILZ327781 IVV327781 JFR327781 JPN327781 JZJ327781 KJF327781 KTB327781 LCX327781 LMT327781 LWP327781 MGL327781 MQH327781 NAD327781 NJZ327781 NTV327781 ODR327781 ONN327781 OXJ327781 PHF327781 PRB327781 QAX327781 QKT327781 QUP327781 REL327781 ROH327781 RYD327781 SHZ327781 SRV327781 TBR327781 TLN327781 TVJ327781 UFF327781 UPB327781 UYX327781 VIT327781 VSP327781 WCL327781 WMH327781 WWD327781 V393317 JR393317 TN393317 ADJ393317 ANF393317 AXB393317 BGX393317 BQT393317 CAP393317 CKL393317 CUH393317 DED393317 DNZ393317 DXV393317 EHR393317 ERN393317 FBJ393317 FLF393317 FVB393317 GEX393317 GOT393317 GYP393317 HIL393317 HSH393317 ICD393317 ILZ393317 IVV393317 JFR393317 JPN393317 JZJ393317 KJF393317 KTB393317 LCX393317 LMT393317 LWP393317 MGL393317 MQH393317 NAD393317 NJZ393317 NTV393317 ODR393317 ONN393317 OXJ393317 PHF393317 PRB393317 QAX393317 QKT393317 QUP393317 REL393317 ROH393317 RYD393317 SHZ393317 SRV393317 TBR393317 TLN393317 TVJ393317 UFF393317 UPB393317 UYX393317 VIT393317 VSP393317 WCL393317 WMH393317 WWD393317 V458853 JR458853 TN458853 ADJ458853 ANF458853 AXB458853 BGX458853 BQT458853 CAP458853 CKL458853 CUH458853 DED458853 DNZ458853 DXV458853 EHR458853 ERN458853 FBJ458853 FLF458853 FVB458853 GEX458853 GOT458853 GYP458853 HIL458853 HSH458853 ICD458853 ILZ458853 IVV458853 JFR458853 JPN458853 JZJ458853 KJF458853 KTB458853 LCX458853 LMT458853 LWP458853 MGL458853 MQH458853 NAD458853 NJZ458853 NTV458853 ODR458853 ONN458853 OXJ458853 PHF458853 PRB458853 QAX458853 QKT458853 QUP458853 REL458853 ROH458853 RYD458853 SHZ458853 SRV458853 TBR458853 TLN458853 TVJ458853 UFF458853 UPB458853 UYX458853 VIT458853 VSP458853 WCL458853 WMH458853 WWD458853 V524389 JR524389 TN524389 ADJ524389 ANF524389 AXB524389 BGX524389 BQT524389 CAP524389 CKL524389 CUH524389 DED524389 DNZ524389 DXV524389 EHR524389 ERN524389 FBJ524389 FLF524389 FVB524389 GEX524389 GOT524389 GYP524389 HIL524389 HSH524389 ICD524389 ILZ524389 IVV524389 JFR524389 JPN524389 JZJ524389 KJF524389 KTB524389 LCX524389 LMT524389 LWP524389 MGL524389 MQH524389 NAD524389 NJZ524389 NTV524389 ODR524389 ONN524389 OXJ524389 PHF524389 PRB524389 QAX524389 QKT524389 QUP524389 REL524389 ROH524389 RYD524389 SHZ524389 SRV524389 TBR524389 TLN524389 TVJ524389 UFF524389 UPB524389 UYX524389 VIT524389 VSP524389 WCL524389 WMH524389 WWD524389 V589925 JR589925 TN589925 ADJ589925 ANF589925 AXB589925 BGX589925 BQT589925 CAP589925 CKL589925 CUH589925 DED589925 DNZ589925 DXV589925 EHR589925 ERN589925 FBJ589925 FLF589925 FVB589925 GEX589925 GOT589925 GYP589925 HIL589925 HSH589925 ICD589925 ILZ589925 IVV589925 JFR589925 JPN589925 JZJ589925 KJF589925 KTB589925 LCX589925 LMT589925 LWP589925 MGL589925 MQH589925 NAD589925 NJZ589925 NTV589925 ODR589925 ONN589925 OXJ589925 PHF589925 PRB589925 QAX589925 QKT589925 QUP589925 REL589925 ROH589925 RYD589925 SHZ589925 SRV589925 TBR589925 TLN589925 TVJ589925 UFF589925 UPB589925 UYX589925 VIT589925 VSP589925 WCL589925 WMH589925 WWD589925 V655461 JR655461 TN655461 ADJ655461 ANF655461 AXB655461 BGX655461 BQT655461 CAP655461 CKL655461 CUH655461 DED655461 DNZ655461 DXV655461 EHR655461 ERN655461 FBJ655461 FLF655461 FVB655461 GEX655461 GOT655461 GYP655461 HIL655461 HSH655461 ICD655461 ILZ655461 IVV655461 JFR655461 JPN655461 JZJ655461 KJF655461 KTB655461 LCX655461 LMT655461 LWP655461 MGL655461 MQH655461 NAD655461 NJZ655461 NTV655461 ODR655461 ONN655461 OXJ655461 PHF655461 PRB655461 QAX655461 QKT655461 QUP655461 REL655461 ROH655461 RYD655461 SHZ655461 SRV655461 TBR655461 TLN655461 TVJ655461 UFF655461 UPB655461 UYX655461 VIT655461 VSP655461 WCL655461 WMH655461 WWD655461 V720997 JR720997 TN720997 ADJ720997 ANF720997 AXB720997 BGX720997 BQT720997 CAP720997 CKL720997 CUH720997 DED720997 DNZ720997 DXV720997 EHR720997 ERN720997 FBJ720997 FLF720997 FVB720997 GEX720997 GOT720997 GYP720997 HIL720997 HSH720997 ICD720997 ILZ720997 IVV720997 JFR720997 JPN720997 JZJ720997 KJF720997 KTB720997 LCX720997 LMT720997 LWP720997 MGL720997 MQH720997 NAD720997 NJZ720997 NTV720997 ODR720997 ONN720997 OXJ720997 PHF720997 PRB720997 QAX720997 QKT720997 QUP720997 REL720997 ROH720997 RYD720997 SHZ720997 SRV720997 TBR720997 TLN720997 TVJ720997 UFF720997 UPB720997 UYX720997 VIT720997 VSP720997 WCL720997 WMH720997 WWD720997 V786533 JR786533 TN786533 ADJ786533 ANF786533 AXB786533 BGX786533 BQT786533 CAP786533 CKL786533 CUH786533 DED786533 DNZ786533 DXV786533 EHR786533 ERN786533 FBJ786533 FLF786533 FVB786533 GEX786533 GOT786533 GYP786533 HIL786533 HSH786533 ICD786533 ILZ786533 IVV786533 JFR786533 JPN786533 JZJ786533 KJF786533 KTB786533 LCX786533 LMT786533 LWP786533 MGL786533 MQH786533 NAD786533 NJZ786533 NTV786533 ODR786533 ONN786533 OXJ786533 PHF786533 PRB786533 QAX786533 QKT786533 QUP786533 REL786533 ROH786533 RYD786533 SHZ786533 SRV786533 TBR786533 TLN786533 TVJ786533 UFF786533 UPB786533 UYX786533 VIT786533 VSP786533 WCL786533 WMH786533 WWD786533 V852069 JR852069 TN852069 ADJ852069 ANF852069 AXB852069 BGX852069 BQT852069 CAP852069 CKL852069 CUH852069 DED852069 DNZ852069 DXV852069 EHR852069 ERN852069 FBJ852069 FLF852069 FVB852069 GEX852069 GOT852069 GYP852069 HIL852069 HSH852069 ICD852069 ILZ852069 IVV852069 JFR852069 JPN852069 JZJ852069 KJF852069 KTB852069 LCX852069 LMT852069 LWP852069 MGL852069 MQH852069 NAD852069 NJZ852069 NTV852069 ODR852069 ONN852069 OXJ852069 PHF852069 PRB852069 QAX852069 QKT852069 QUP852069 REL852069 ROH852069 RYD852069 SHZ852069 SRV852069 TBR852069 TLN852069 TVJ852069 UFF852069 UPB852069 UYX852069 VIT852069 VSP852069 WCL852069 WMH852069 WWD852069 V917605 JR917605 TN917605 ADJ917605 ANF917605 AXB917605 BGX917605 BQT917605 CAP917605 CKL917605 CUH917605 DED917605 DNZ917605 DXV917605 EHR917605 ERN917605 FBJ917605 FLF917605 FVB917605 GEX917605 GOT917605 GYP917605 HIL917605 HSH917605 ICD917605 ILZ917605 IVV917605 JFR917605 JPN917605 JZJ917605 KJF917605 KTB917605 LCX917605 LMT917605 LWP917605 MGL917605 MQH917605 NAD917605 NJZ917605 NTV917605 ODR917605 ONN917605 OXJ917605 PHF917605 PRB917605 QAX917605 QKT917605 QUP917605 REL917605 ROH917605 RYD917605 SHZ917605 SRV917605 TBR917605 TLN917605 TVJ917605 UFF917605 UPB917605 UYX917605 VIT917605 VSP917605 WCL917605 WMH917605 WWD917605 V983141 JR983141 TN983141 ADJ983141 ANF983141 AXB983141 BGX983141 BQT983141 CAP983141 CKL983141 CUH983141 DED983141 DNZ983141 DXV983141 EHR983141 ERN983141 FBJ983141 FLF983141 FVB983141 GEX983141 GOT983141 GYP983141 HIL983141 HSH983141 ICD983141 ILZ983141 IVV983141 JFR983141 JPN983141 JZJ983141 KJF983141 KTB983141 LCX983141 LMT983141 LWP983141 MGL983141 MQH983141 NAD983141 NJZ983141 NTV983141 ODR983141 ONN983141 OXJ983141 PHF983141 PRB983141 QAX983141 QKT983141 QUP983141 REL983141 ROH983141 RYD983141 SHZ983141 SRV983141 TBR983141 TLN983141 TVJ983141 UFF983141 UPB983141 UYX983141 VIT983141 VSP983141 WCL983141 WMH983141 WWD983141 X101 JT101 TP101 ADL101 ANH101 AXD101 BGZ101 BQV101 CAR101 CKN101 CUJ101 DEF101 DOB101 DXX101 EHT101 ERP101 FBL101 FLH101 FVD101 GEZ101 GOV101 GYR101 HIN101 HSJ101 ICF101 IMB101 IVX101 JFT101 JPP101 JZL101 KJH101 KTD101 LCZ101 LMV101 LWR101 MGN101 MQJ101 NAF101 NKB101 NTX101 ODT101 ONP101 OXL101 PHH101 PRD101 QAZ101 QKV101 QUR101 REN101 ROJ101 RYF101 SIB101 SRX101 TBT101 TLP101 TVL101 UFH101 UPD101 UYZ101 VIV101 VSR101 WCN101 WMJ101 WWF101 X65637 JT65637 TP65637 ADL65637 ANH65637 AXD65637 BGZ65637 BQV65637 CAR65637 CKN65637 CUJ65637 DEF65637 DOB65637 DXX65637 EHT65637 ERP65637 FBL65637 FLH65637 FVD65637 GEZ65637 GOV65637 GYR65637 HIN65637 HSJ65637 ICF65637 IMB65637 IVX65637 JFT65637 JPP65637 JZL65637 KJH65637 KTD65637 LCZ65637 LMV65637 LWR65637 MGN65637 MQJ65637 NAF65637 NKB65637 NTX65637 ODT65637 ONP65637 OXL65637 PHH65637 PRD65637 QAZ65637 QKV65637 QUR65637 REN65637 ROJ65637 RYF65637 SIB65637 SRX65637 TBT65637 TLP65637 TVL65637 UFH65637 UPD65637 UYZ65637 VIV65637 VSR65637 WCN65637 WMJ65637 WWF65637 X131173 JT131173 TP131173 ADL131173 ANH131173 AXD131173 BGZ131173 BQV131173 CAR131173 CKN131173 CUJ131173 DEF131173 DOB131173 DXX131173 EHT131173 ERP131173 FBL131173 FLH131173 FVD131173 GEZ131173 GOV131173 GYR131173 HIN131173 HSJ131173 ICF131173 IMB131173 IVX131173 JFT131173 JPP131173 JZL131173 KJH131173 KTD131173 LCZ131173 LMV131173 LWR131173 MGN131173 MQJ131173 NAF131173 NKB131173 NTX131173 ODT131173 ONP131173 OXL131173 PHH131173 PRD131173 QAZ131173 QKV131173 QUR131173 REN131173 ROJ131173 RYF131173 SIB131173 SRX131173 TBT131173 TLP131173 TVL131173 UFH131173 UPD131173 UYZ131173 VIV131173 VSR131173 WCN131173 WMJ131173 WWF131173 X196709 JT196709 TP196709 ADL196709 ANH196709 AXD196709 BGZ196709 BQV196709 CAR196709 CKN196709 CUJ196709 DEF196709 DOB196709 DXX196709 EHT196709 ERP196709 FBL196709 FLH196709 FVD196709 GEZ196709 GOV196709 GYR196709 HIN196709 HSJ196709 ICF196709 IMB196709 IVX196709 JFT196709 JPP196709 JZL196709 KJH196709 KTD196709 LCZ196709 LMV196709 LWR196709 MGN196709 MQJ196709 NAF196709 NKB196709 NTX196709 ODT196709 ONP196709 OXL196709 PHH196709 PRD196709 QAZ196709 QKV196709 QUR196709 REN196709 ROJ196709 RYF196709 SIB196709 SRX196709 TBT196709 TLP196709 TVL196709 UFH196709 UPD196709 UYZ196709 VIV196709 VSR196709 WCN196709 WMJ196709 WWF196709 X262245 JT262245 TP262245 ADL262245 ANH262245 AXD262245 BGZ262245 BQV262245 CAR262245 CKN262245 CUJ262245 DEF262245 DOB262245 DXX262245 EHT262245 ERP262245 FBL262245 FLH262245 FVD262245 GEZ262245 GOV262245 GYR262245 HIN262245 HSJ262245 ICF262245 IMB262245 IVX262245 JFT262245 JPP262245 JZL262245 KJH262245 KTD262245 LCZ262245 LMV262245 LWR262245 MGN262245 MQJ262245 NAF262245 NKB262245 NTX262245 ODT262245 ONP262245 OXL262245 PHH262245 PRD262245 QAZ262245 QKV262245 QUR262245 REN262245 ROJ262245 RYF262245 SIB262245 SRX262245 TBT262245 TLP262245 TVL262245 UFH262245 UPD262245 UYZ262245 VIV262245 VSR262245 WCN262245 WMJ262245 WWF262245 X327781 JT327781 TP327781 ADL327781 ANH327781 AXD327781 BGZ327781 BQV327781 CAR327781 CKN327781 CUJ327781 DEF327781 DOB327781 DXX327781 EHT327781 ERP327781 FBL327781 FLH327781 FVD327781 GEZ327781 GOV327781 GYR327781 HIN327781 HSJ327781 ICF327781 IMB327781 IVX327781 JFT327781 JPP327781 JZL327781 KJH327781 KTD327781 LCZ327781 LMV327781 LWR327781 MGN327781 MQJ327781 NAF327781 NKB327781 NTX327781 ODT327781 ONP327781 OXL327781 PHH327781 PRD327781 QAZ327781 QKV327781 QUR327781 REN327781 ROJ327781 RYF327781 SIB327781 SRX327781 TBT327781 TLP327781 TVL327781 UFH327781 UPD327781 UYZ327781 VIV327781 VSR327781 WCN327781 WMJ327781 WWF327781 X393317 JT393317 TP393317 ADL393317 ANH393317 AXD393317 BGZ393317 BQV393317 CAR393317 CKN393317 CUJ393317 DEF393317 DOB393317 DXX393317 EHT393317 ERP393317 FBL393317 FLH393317 FVD393317 GEZ393317 GOV393317 GYR393317 HIN393317 HSJ393317 ICF393317 IMB393317 IVX393317 JFT393317 JPP393317 JZL393317 KJH393317 KTD393317 LCZ393317 LMV393317 LWR393317 MGN393317 MQJ393317 NAF393317 NKB393317 NTX393317 ODT393317 ONP393317 OXL393317 PHH393317 PRD393317 QAZ393317 QKV393317 QUR393317 REN393317 ROJ393317 RYF393317 SIB393317 SRX393317 TBT393317 TLP393317 TVL393317 UFH393317 UPD393317 UYZ393317 VIV393317 VSR393317 WCN393317 WMJ393317 WWF393317 X458853 JT458853 TP458853 ADL458853 ANH458853 AXD458853 BGZ458853 BQV458853 CAR458853 CKN458853 CUJ458853 DEF458853 DOB458853 DXX458853 EHT458853 ERP458853 FBL458853 FLH458853 FVD458853 GEZ458853 GOV458853 GYR458853 HIN458853 HSJ458853 ICF458853 IMB458853 IVX458853 JFT458853 JPP458853 JZL458853 KJH458853 KTD458853 LCZ458853 LMV458853 LWR458853 MGN458853 MQJ458853 NAF458853 NKB458853 NTX458853 ODT458853 ONP458853 OXL458853 PHH458853 PRD458853 QAZ458853 QKV458853 QUR458853 REN458853 ROJ458853 RYF458853 SIB458853 SRX458853 TBT458853 TLP458853 TVL458853 UFH458853 UPD458853 UYZ458853 VIV458853 VSR458853 WCN458853 WMJ458853 WWF458853 X524389 JT524389 TP524389 ADL524389 ANH524389 AXD524389 BGZ524389 BQV524389 CAR524389 CKN524389 CUJ524389 DEF524389 DOB524389 DXX524389 EHT524389 ERP524389 FBL524389 FLH524389 FVD524389 GEZ524389 GOV524389 GYR524389 HIN524389 HSJ524389 ICF524389 IMB524389 IVX524389 JFT524389 JPP524389 JZL524389 KJH524389 KTD524389 LCZ524389 LMV524389 LWR524389 MGN524389 MQJ524389 NAF524389 NKB524389 NTX524389 ODT524389 ONP524389 OXL524389 PHH524389 PRD524389 QAZ524389 QKV524389 QUR524389 REN524389 ROJ524389 RYF524389 SIB524389 SRX524389 TBT524389 TLP524389 TVL524389 UFH524389 UPD524389 UYZ524389 VIV524389 VSR524389 WCN524389 WMJ524389 WWF524389 X589925 JT589925 TP589925 ADL589925 ANH589925 AXD589925 BGZ589925 BQV589925 CAR589925 CKN589925 CUJ589925 DEF589925 DOB589925 DXX589925 EHT589925 ERP589925 FBL589925 FLH589925 FVD589925 GEZ589925 GOV589925 GYR589925 HIN589925 HSJ589925 ICF589925 IMB589925 IVX589925 JFT589925 JPP589925 JZL589925 KJH589925 KTD589925 LCZ589925 LMV589925 LWR589925 MGN589925 MQJ589925 NAF589925 NKB589925 NTX589925 ODT589925 ONP589925 OXL589925 PHH589925 PRD589925 QAZ589925 QKV589925 QUR589925 REN589925 ROJ589925 RYF589925 SIB589925 SRX589925 TBT589925 TLP589925 TVL589925 UFH589925 UPD589925 UYZ589925 VIV589925 VSR589925 WCN589925 WMJ589925 WWF589925 X655461 JT655461 TP655461 ADL655461 ANH655461 AXD655461 BGZ655461 BQV655461 CAR655461 CKN655461 CUJ655461 DEF655461 DOB655461 DXX655461 EHT655461 ERP655461 FBL655461 FLH655461 FVD655461 GEZ655461 GOV655461 GYR655461 HIN655461 HSJ655461 ICF655461 IMB655461 IVX655461 JFT655461 JPP655461 JZL655461 KJH655461 KTD655461 LCZ655461 LMV655461 LWR655461 MGN655461 MQJ655461 NAF655461 NKB655461 NTX655461 ODT655461 ONP655461 OXL655461 PHH655461 PRD655461 QAZ655461 QKV655461 QUR655461 REN655461 ROJ655461 RYF655461 SIB655461 SRX655461 TBT655461 TLP655461 TVL655461 UFH655461 UPD655461 UYZ655461 VIV655461 VSR655461 WCN655461 WMJ655461 WWF655461 X720997 JT720997 TP720997 ADL720997 ANH720997 AXD720997 BGZ720997 BQV720997 CAR720997 CKN720997 CUJ720997 DEF720997 DOB720997 DXX720997 EHT720997 ERP720997 FBL720997 FLH720997 FVD720997 GEZ720997 GOV720997 GYR720997 HIN720997 HSJ720997 ICF720997 IMB720997 IVX720997 JFT720997 JPP720997 JZL720997 KJH720997 KTD720997 LCZ720997 LMV720997 LWR720997 MGN720997 MQJ720997 NAF720997 NKB720997 NTX720997 ODT720997 ONP720997 OXL720997 PHH720997 PRD720997 QAZ720997 QKV720997 QUR720997 REN720997 ROJ720997 RYF720997 SIB720997 SRX720997 TBT720997 TLP720997 TVL720997 UFH720997 UPD720997 UYZ720997 VIV720997 VSR720997 WCN720997 WMJ720997 WWF720997 X786533 JT786533 TP786533 ADL786533 ANH786533 AXD786533 BGZ786533 BQV786533 CAR786533 CKN786533 CUJ786533 DEF786533 DOB786533 DXX786533 EHT786533 ERP786533 FBL786533 FLH786533 FVD786533 GEZ786533 GOV786533 GYR786533 HIN786533 HSJ786533 ICF786533 IMB786533 IVX786533 JFT786533 JPP786533 JZL786533 KJH786533 KTD786533 LCZ786533 LMV786533 LWR786533 MGN786533 MQJ786533 NAF786533 NKB786533 NTX786533 ODT786533 ONP786533 OXL786533 PHH786533 PRD786533 QAZ786533 QKV786533 QUR786533 REN786533 ROJ786533 RYF786533 SIB786533 SRX786533 TBT786533 TLP786533 TVL786533 UFH786533 UPD786533 UYZ786533 VIV786533 VSR786533 WCN786533 WMJ786533 WWF786533 X852069 JT852069 TP852069 ADL852069 ANH852069 AXD852069 BGZ852069 BQV852069 CAR852069 CKN852069 CUJ852069 DEF852069 DOB852069 DXX852069 EHT852069 ERP852069 FBL852069 FLH852069 FVD852069 GEZ852069 GOV852069 GYR852069 HIN852069 HSJ852069 ICF852069 IMB852069 IVX852069 JFT852069 JPP852069 JZL852069 KJH852069 KTD852069 LCZ852069 LMV852069 LWR852069 MGN852069 MQJ852069 NAF852069 NKB852069 NTX852069 ODT852069 ONP852069 OXL852069 PHH852069 PRD852069 QAZ852069 QKV852069 QUR852069 REN852069 ROJ852069 RYF852069 SIB852069 SRX852069 TBT852069 TLP852069 TVL852069 UFH852069 UPD852069 UYZ852069 VIV852069 VSR852069 WCN852069 WMJ852069 WWF852069 X917605 JT917605 TP917605 ADL917605 ANH917605 AXD917605 BGZ917605 BQV917605 CAR917605 CKN917605 CUJ917605 DEF917605 DOB917605 DXX917605 EHT917605 ERP917605 FBL917605 FLH917605 FVD917605 GEZ917605 GOV917605 GYR917605 HIN917605 HSJ917605 ICF917605 IMB917605 IVX917605 JFT917605 JPP917605 JZL917605 KJH917605 KTD917605 LCZ917605 LMV917605 LWR917605 MGN917605 MQJ917605 NAF917605 NKB917605 NTX917605 ODT917605 ONP917605 OXL917605 PHH917605 PRD917605 QAZ917605 QKV917605 QUR917605 REN917605 ROJ917605 RYF917605 SIB917605 SRX917605 TBT917605 TLP917605 TVL917605 UFH917605 UPD917605 UYZ917605 VIV917605 VSR917605 WCN917605 WMJ917605 WWF917605 X983141 JT983141 TP983141 ADL983141 ANH983141 AXD983141 BGZ983141 BQV983141 CAR983141 CKN983141 CUJ983141 DEF983141 DOB983141 DXX983141 EHT983141 ERP983141 FBL983141 FLH983141 FVD983141 GEZ983141 GOV983141 GYR983141 HIN983141 HSJ983141 ICF983141 IMB983141 IVX983141 JFT983141 JPP983141 JZL983141 KJH983141 KTD983141 LCZ983141 LMV983141 LWR983141 MGN983141 MQJ983141 NAF983141 NKB983141 NTX983141 ODT983141 ONP983141 OXL983141 PHH983141 PRD983141 QAZ983141 QKV983141 QUR983141 REN983141 ROJ983141 RYF983141 SIB983141 SRX983141 TBT983141 TLP983141 TVL983141 UFH983141 UPD983141 UYZ983141 VIV983141 VSR983141 WCN983141 WMJ983141 WWF983141 V109 JR109 TN109 ADJ109 ANF109 AXB109 BGX109 BQT109 CAP109 CKL109 CUH109 DED109 DNZ109 DXV109 EHR109 ERN109 FBJ109 FLF109 FVB109 GEX109 GOT109 GYP109 HIL109 HSH109 ICD109 ILZ109 IVV109 JFR109 JPN109 JZJ109 KJF109 KTB109 LCX109 LMT109 LWP109 MGL109 MQH109 NAD109 NJZ109 NTV109 ODR109 ONN109 OXJ109 PHF109 PRB109 QAX109 QKT109 QUP109 REL109 ROH109 RYD109 SHZ109 SRV109 TBR109 TLN109 TVJ109 UFF109 UPB109 UYX109 VIT109 VSP109 WCL109 WMH109 WWD109 V65645 JR65645 TN65645 ADJ65645 ANF65645 AXB65645 BGX65645 BQT65645 CAP65645 CKL65645 CUH65645 DED65645 DNZ65645 DXV65645 EHR65645 ERN65645 FBJ65645 FLF65645 FVB65645 GEX65645 GOT65645 GYP65645 HIL65645 HSH65645 ICD65645 ILZ65645 IVV65645 JFR65645 JPN65645 JZJ65645 KJF65645 KTB65645 LCX65645 LMT65645 LWP65645 MGL65645 MQH65645 NAD65645 NJZ65645 NTV65645 ODR65645 ONN65645 OXJ65645 PHF65645 PRB65645 QAX65645 QKT65645 QUP65645 REL65645 ROH65645 RYD65645 SHZ65645 SRV65645 TBR65645 TLN65645 TVJ65645 UFF65645 UPB65645 UYX65645 VIT65645 VSP65645 WCL65645 WMH65645 WWD65645 V131181 JR131181 TN131181 ADJ131181 ANF131181 AXB131181 BGX131181 BQT131181 CAP131181 CKL131181 CUH131181 DED131181 DNZ131181 DXV131181 EHR131181 ERN131181 FBJ131181 FLF131181 FVB131181 GEX131181 GOT131181 GYP131181 HIL131181 HSH131181 ICD131181 ILZ131181 IVV131181 JFR131181 JPN131181 JZJ131181 KJF131181 KTB131181 LCX131181 LMT131181 LWP131181 MGL131181 MQH131181 NAD131181 NJZ131181 NTV131181 ODR131181 ONN131181 OXJ131181 PHF131181 PRB131181 QAX131181 QKT131181 QUP131181 REL131181 ROH131181 RYD131181 SHZ131181 SRV131181 TBR131181 TLN131181 TVJ131181 UFF131181 UPB131181 UYX131181 VIT131181 VSP131181 WCL131181 WMH131181 WWD131181 V196717 JR196717 TN196717 ADJ196717 ANF196717 AXB196717 BGX196717 BQT196717 CAP196717 CKL196717 CUH196717 DED196717 DNZ196717 DXV196717 EHR196717 ERN196717 FBJ196717 FLF196717 FVB196717 GEX196717 GOT196717 GYP196717 HIL196717 HSH196717 ICD196717 ILZ196717 IVV196717 JFR196717 JPN196717 JZJ196717 KJF196717 KTB196717 LCX196717 LMT196717 LWP196717 MGL196717 MQH196717 NAD196717 NJZ196717 NTV196717 ODR196717 ONN196717 OXJ196717 PHF196717 PRB196717 QAX196717 QKT196717 QUP196717 REL196717 ROH196717 RYD196717 SHZ196717 SRV196717 TBR196717 TLN196717 TVJ196717 UFF196717 UPB196717 UYX196717 VIT196717 VSP196717 WCL196717 WMH196717 WWD196717 V262253 JR262253 TN262253 ADJ262253 ANF262253 AXB262253 BGX262253 BQT262253 CAP262253 CKL262253 CUH262253 DED262253 DNZ262253 DXV262253 EHR262253 ERN262253 FBJ262253 FLF262253 FVB262253 GEX262253 GOT262253 GYP262253 HIL262253 HSH262253 ICD262253 ILZ262253 IVV262253 JFR262253 JPN262253 JZJ262253 KJF262253 KTB262253 LCX262253 LMT262253 LWP262253 MGL262253 MQH262253 NAD262253 NJZ262253 NTV262253 ODR262253 ONN262253 OXJ262253 PHF262253 PRB262253 QAX262253 QKT262253 QUP262253 REL262253 ROH262253 RYD262253 SHZ262253 SRV262253 TBR262253 TLN262253 TVJ262253 UFF262253 UPB262253 UYX262253 VIT262253 VSP262253 WCL262253 WMH262253 WWD262253 V327789 JR327789 TN327789 ADJ327789 ANF327789 AXB327789 BGX327789 BQT327789 CAP327789 CKL327789 CUH327789 DED327789 DNZ327789 DXV327789 EHR327789 ERN327789 FBJ327789 FLF327789 FVB327789 GEX327789 GOT327789 GYP327789 HIL327789 HSH327789 ICD327789 ILZ327789 IVV327789 JFR327789 JPN327789 JZJ327789 KJF327789 KTB327789 LCX327789 LMT327789 LWP327789 MGL327789 MQH327789 NAD327789 NJZ327789 NTV327789 ODR327789 ONN327789 OXJ327789 PHF327789 PRB327789 QAX327789 QKT327789 QUP327789 REL327789 ROH327789 RYD327789 SHZ327789 SRV327789 TBR327789 TLN327789 TVJ327789 UFF327789 UPB327789 UYX327789 VIT327789 VSP327789 WCL327789 WMH327789 WWD327789 V393325 JR393325 TN393325 ADJ393325 ANF393325 AXB393325 BGX393325 BQT393325 CAP393325 CKL393325 CUH393325 DED393325 DNZ393325 DXV393325 EHR393325 ERN393325 FBJ393325 FLF393325 FVB393325 GEX393325 GOT393325 GYP393325 HIL393325 HSH393325 ICD393325 ILZ393325 IVV393325 JFR393325 JPN393325 JZJ393325 KJF393325 KTB393325 LCX393325 LMT393325 LWP393325 MGL393325 MQH393325 NAD393325 NJZ393325 NTV393325 ODR393325 ONN393325 OXJ393325 PHF393325 PRB393325 QAX393325 QKT393325 QUP393325 REL393325 ROH393325 RYD393325 SHZ393325 SRV393325 TBR393325 TLN393325 TVJ393325 UFF393325 UPB393325 UYX393325 VIT393325 VSP393325 WCL393325 WMH393325 WWD393325 V458861 JR458861 TN458861 ADJ458861 ANF458861 AXB458861 BGX458861 BQT458861 CAP458861 CKL458861 CUH458861 DED458861 DNZ458861 DXV458861 EHR458861 ERN458861 FBJ458861 FLF458861 FVB458861 GEX458861 GOT458861 GYP458861 HIL458861 HSH458861 ICD458861 ILZ458861 IVV458861 JFR458861 JPN458861 JZJ458861 KJF458861 KTB458861 LCX458861 LMT458861 LWP458861 MGL458861 MQH458861 NAD458861 NJZ458861 NTV458861 ODR458861 ONN458861 OXJ458861 PHF458861 PRB458861 QAX458861 QKT458861 QUP458861 REL458861 ROH458861 RYD458861 SHZ458861 SRV458861 TBR458861 TLN458861 TVJ458861 UFF458861 UPB458861 UYX458861 VIT458861 VSP458861 WCL458861 WMH458861 WWD458861 V524397 JR524397 TN524397 ADJ524397 ANF524397 AXB524397 BGX524397 BQT524397 CAP524397 CKL524397 CUH524397 DED524397 DNZ524397 DXV524397 EHR524397 ERN524397 FBJ524397 FLF524397 FVB524397 GEX524397 GOT524397 GYP524397 HIL524397 HSH524397 ICD524397 ILZ524397 IVV524397 JFR524397 JPN524397 JZJ524397 KJF524397 KTB524397 LCX524397 LMT524397 LWP524397 MGL524397 MQH524397 NAD524397 NJZ524397 NTV524397 ODR524397 ONN524397 OXJ524397 PHF524397 PRB524397 QAX524397 QKT524397 QUP524397 REL524397 ROH524397 RYD524397 SHZ524397 SRV524397 TBR524397 TLN524397 TVJ524397 UFF524397 UPB524397 UYX524397 VIT524397 VSP524397 WCL524397 WMH524397 WWD524397 V589933 JR589933 TN589933 ADJ589933 ANF589933 AXB589933 BGX589933 BQT589933 CAP589933 CKL589933 CUH589933 DED589933 DNZ589933 DXV589933 EHR589933 ERN589933 FBJ589933 FLF589933 FVB589933 GEX589933 GOT589933 GYP589933 HIL589933 HSH589933 ICD589933 ILZ589933 IVV589933 JFR589933 JPN589933 JZJ589933 KJF589933 KTB589933 LCX589933 LMT589933 LWP589933 MGL589933 MQH589933 NAD589933 NJZ589933 NTV589933 ODR589933 ONN589933 OXJ589933 PHF589933 PRB589933 QAX589933 QKT589933 QUP589933 REL589933 ROH589933 RYD589933 SHZ589933 SRV589933 TBR589933 TLN589933 TVJ589933 UFF589933 UPB589933 UYX589933 VIT589933 VSP589933 WCL589933 WMH589933 WWD589933 V655469 JR655469 TN655469 ADJ655469 ANF655469 AXB655469 BGX655469 BQT655469 CAP655469 CKL655469 CUH655469 DED655469 DNZ655469 DXV655469 EHR655469 ERN655469 FBJ655469 FLF655469 FVB655469 GEX655469 GOT655469 GYP655469 HIL655469 HSH655469 ICD655469 ILZ655469 IVV655469 JFR655469 JPN655469 JZJ655469 KJF655469 KTB655469 LCX655469 LMT655469 LWP655469 MGL655469 MQH655469 NAD655469 NJZ655469 NTV655469 ODR655469 ONN655469 OXJ655469 PHF655469 PRB655469 QAX655469 QKT655469 QUP655469 REL655469 ROH655469 RYD655469 SHZ655469 SRV655469 TBR655469 TLN655469 TVJ655469 UFF655469 UPB655469 UYX655469 VIT655469 VSP655469 WCL655469 WMH655469 WWD655469 V721005 JR721005 TN721005 ADJ721005 ANF721005 AXB721005 BGX721005 BQT721005 CAP721005 CKL721005 CUH721005 DED721005 DNZ721005 DXV721005 EHR721005 ERN721005 FBJ721005 FLF721005 FVB721005 GEX721005 GOT721005 GYP721005 HIL721005 HSH721005 ICD721005 ILZ721005 IVV721005 JFR721005 JPN721005 JZJ721005 KJF721005 KTB721005 LCX721005 LMT721005 LWP721005 MGL721005 MQH721005 NAD721005 NJZ721005 NTV721005 ODR721005 ONN721005 OXJ721005 PHF721005 PRB721005 QAX721005 QKT721005 QUP721005 REL721005 ROH721005 RYD721005 SHZ721005 SRV721005 TBR721005 TLN721005 TVJ721005 UFF721005 UPB721005 UYX721005 VIT721005 VSP721005 WCL721005 WMH721005 WWD721005 V786541 JR786541 TN786541 ADJ786541 ANF786541 AXB786541 BGX786541 BQT786541 CAP786541 CKL786541 CUH786541 DED786541 DNZ786541 DXV786541 EHR786541 ERN786541 FBJ786541 FLF786541 FVB786541 GEX786541 GOT786541 GYP786541 HIL786541 HSH786541 ICD786541 ILZ786541 IVV786541 JFR786541 JPN786541 JZJ786541 KJF786541 KTB786541 LCX786541 LMT786541 LWP786541 MGL786541 MQH786541 NAD786541 NJZ786541 NTV786541 ODR786541 ONN786541 OXJ786541 PHF786541 PRB786541 QAX786541 QKT786541 QUP786541 REL786541 ROH786541 RYD786541 SHZ786541 SRV786541 TBR786541 TLN786541 TVJ786541 UFF786541 UPB786541 UYX786541 VIT786541 VSP786541 WCL786541 WMH786541 WWD786541 V852077 JR852077 TN852077 ADJ852077 ANF852077 AXB852077 BGX852077 BQT852077 CAP852077 CKL852077 CUH852077 DED852077 DNZ852077 DXV852077 EHR852077 ERN852077 FBJ852077 FLF852077 FVB852077 GEX852077 GOT852077 GYP852077 HIL852077 HSH852077 ICD852077 ILZ852077 IVV852077 JFR852077 JPN852077 JZJ852077 KJF852077 KTB852077 LCX852077 LMT852077 LWP852077 MGL852077 MQH852077 NAD852077 NJZ852077 NTV852077 ODR852077 ONN852077 OXJ852077 PHF852077 PRB852077 QAX852077 QKT852077 QUP852077 REL852077 ROH852077 RYD852077 SHZ852077 SRV852077 TBR852077 TLN852077 TVJ852077 UFF852077 UPB852077 UYX852077 VIT852077 VSP852077 WCL852077 WMH852077 WWD852077 V917613 JR917613 TN917613 ADJ917613 ANF917613 AXB917613 BGX917613 BQT917613 CAP917613 CKL917613 CUH917613 DED917613 DNZ917613 DXV917613 EHR917613 ERN917613 FBJ917613 FLF917613 FVB917613 GEX917613 GOT917613 GYP917613 HIL917613 HSH917613 ICD917613 ILZ917613 IVV917613 JFR917613 JPN917613 JZJ917613 KJF917613 KTB917613 LCX917613 LMT917613 LWP917613 MGL917613 MQH917613 NAD917613 NJZ917613 NTV917613 ODR917613 ONN917613 OXJ917613 PHF917613 PRB917613 QAX917613 QKT917613 QUP917613 REL917613 ROH917613 RYD917613 SHZ917613 SRV917613 TBR917613 TLN917613 TVJ917613 UFF917613 UPB917613 UYX917613 VIT917613 VSP917613 WCL917613 WMH917613 WWD917613 V983149 JR983149 TN983149 ADJ983149 ANF983149 AXB983149 BGX983149 BQT983149 CAP983149 CKL983149 CUH983149 DED983149 DNZ983149 DXV983149 EHR983149 ERN983149 FBJ983149 FLF983149 FVB983149 GEX983149 GOT983149 GYP983149 HIL983149 HSH983149 ICD983149 ILZ983149 IVV983149 JFR983149 JPN983149 JZJ983149 KJF983149 KTB983149 LCX983149 LMT983149 LWP983149 MGL983149 MQH983149 NAD983149 NJZ983149 NTV983149 ODR983149 ONN983149 OXJ983149 PHF983149 PRB983149 QAX983149 QKT983149 QUP983149 REL983149 ROH983149 RYD983149 SHZ983149 SRV983149 TBR983149 TLN983149 TVJ983149 UFF983149 UPB983149 UYX983149 VIT983149 VSP983149 WCL983149 WMH983149 WWD983149 X109 JT109 TP109 ADL109 ANH109 AXD109 BGZ109 BQV109 CAR109 CKN109 CUJ109 DEF109 DOB109 DXX109 EHT109 ERP109 FBL109 FLH109 FVD109 GEZ109 GOV109 GYR109 HIN109 HSJ109 ICF109 IMB109 IVX109 JFT109 JPP109 JZL109 KJH109 KTD109 LCZ109 LMV109 LWR109 MGN109 MQJ109 NAF109 NKB109 NTX109 ODT109 ONP109 OXL109 PHH109 PRD109 QAZ109 QKV109 QUR109 REN109 ROJ109 RYF109 SIB109 SRX109 TBT109 TLP109 TVL109 UFH109 UPD109 UYZ109 VIV109 VSR109 WCN109 WMJ109 WWF109 X65645 JT65645 TP65645 ADL65645 ANH65645 AXD65645 BGZ65645 BQV65645 CAR65645 CKN65645 CUJ65645 DEF65645 DOB65645 DXX65645 EHT65645 ERP65645 FBL65645 FLH65645 FVD65645 GEZ65645 GOV65645 GYR65645 HIN65645 HSJ65645 ICF65645 IMB65645 IVX65645 JFT65645 JPP65645 JZL65645 KJH65645 KTD65645 LCZ65645 LMV65645 LWR65645 MGN65645 MQJ65645 NAF65645 NKB65645 NTX65645 ODT65645 ONP65645 OXL65645 PHH65645 PRD65645 QAZ65645 QKV65645 QUR65645 REN65645 ROJ65645 RYF65645 SIB65645 SRX65645 TBT65645 TLP65645 TVL65645 UFH65645 UPD65645 UYZ65645 VIV65645 VSR65645 WCN65645 WMJ65645 WWF65645 X131181 JT131181 TP131181 ADL131181 ANH131181 AXD131181 BGZ131181 BQV131181 CAR131181 CKN131181 CUJ131181 DEF131181 DOB131181 DXX131181 EHT131181 ERP131181 FBL131181 FLH131181 FVD131181 GEZ131181 GOV131181 GYR131181 HIN131181 HSJ131181 ICF131181 IMB131181 IVX131181 JFT131181 JPP131181 JZL131181 KJH131181 KTD131181 LCZ131181 LMV131181 LWR131181 MGN131181 MQJ131181 NAF131181 NKB131181 NTX131181 ODT131181 ONP131181 OXL131181 PHH131181 PRD131181 QAZ131181 QKV131181 QUR131181 REN131181 ROJ131181 RYF131181 SIB131181 SRX131181 TBT131181 TLP131181 TVL131181 UFH131181 UPD131181 UYZ131181 VIV131181 VSR131181 WCN131181 WMJ131181 WWF131181 X196717 JT196717 TP196717 ADL196717 ANH196717 AXD196717 BGZ196717 BQV196717 CAR196717 CKN196717 CUJ196717 DEF196717 DOB196717 DXX196717 EHT196717 ERP196717 FBL196717 FLH196717 FVD196717 GEZ196717 GOV196717 GYR196717 HIN196717 HSJ196717 ICF196717 IMB196717 IVX196717 JFT196717 JPP196717 JZL196717 KJH196717 KTD196717 LCZ196717 LMV196717 LWR196717 MGN196717 MQJ196717 NAF196717 NKB196717 NTX196717 ODT196717 ONP196717 OXL196717 PHH196717 PRD196717 QAZ196717 QKV196717 QUR196717 REN196717 ROJ196717 RYF196717 SIB196717 SRX196717 TBT196717 TLP196717 TVL196717 UFH196717 UPD196717 UYZ196717 VIV196717 VSR196717 WCN196717 WMJ196717 WWF196717 X262253 JT262253 TP262253 ADL262253 ANH262253 AXD262253 BGZ262253 BQV262253 CAR262253 CKN262253 CUJ262253 DEF262253 DOB262253 DXX262253 EHT262253 ERP262253 FBL262253 FLH262253 FVD262253 GEZ262253 GOV262253 GYR262253 HIN262253 HSJ262253 ICF262253 IMB262253 IVX262253 JFT262253 JPP262253 JZL262253 KJH262253 KTD262253 LCZ262253 LMV262253 LWR262253 MGN262253 MQJ262253 NAF262253 NKB262253 NTX262253 ODT262253 ONP262253 OXL262253 PHH262253 PRD262253 QAZ262253 QKV262253 QUR262253 REN262253 ROJ262253 RYF262253 SIB262253 SRX262253 TBT262253 TLP262253 TVL262253 UFH262253 UPD262253 UYZ262253 VIV262253 VSR262253 WCN262253 WMJ262253 WWF262253 X327789 JT327789 TP327789 ADL327789 ANH327789 AXD327789 BGZ327789 BQV327789 CAR327789 CKN327789 CUJ327789 DEF327789 DOB327789 DXX327789 EHT327789 ERP327789 FBL327789 FLH327789 FVD327789 GEZ327789 GOV327789 GYR327789 HIN327789 HSJ327789 ICF327789 IMB327789 IVX327789 JFT327789 JPP327789 JZL327789 KJH327789 KTD327789 LCZ327789 LMV327789 LWR327789 MGN327789 MQJ327789 NAF327789 NKB327789 NTX327789 ODT327789 ONP327789 OXL327789 PHH327789 PRD327789 QAZ327789 QKV327789 QUR327789 REN327789 ROJ327789 RYF327789 SIB327789 SRX327789 TBT327789 TLP327789 TVL327789 UFH327789 UPD327789 UYZ327789 VIV327789 VSR327789 WCN327789 WMJ327789 WWF327789 X393325 JT393325 TP393325 ADL393325 ANH393325 AXD393325 BGZ393325 BQV393325 CAR393325 CKN393325 CUJ393325 DEF393325 DOB393325 DXX393325 EHT393325 ERP393325 FBL393325 FLH393325 FVD393325 GEZ393325 GOV393325 GYR393325 HIN393325 HSJ393325 ICF393325 IMB393325 IVX393325 JFT393325 JPP393325 JZL393325 KJH393325 KTD393325 LCZ393325 LMV393325 LWR393325 MGN393325 MQJ393325 NAF393325 NKB393325 NTX393325 ODT393325 ONP393325 OXL393325 PHH393325 PRD393325 QAZ393325 QKV393325 QUR393325 REN393325 ROJ393325 RYF393325 SIB393325 SRX393325 TBT393325 TLP393325 TVL393325 UFH393325 UPD393325 UYZ393325 VIV393325 VSR393325 WCN393325 WMJ393325 WWF393325 X458861 JT458861 TP458861 ADL458861 ANH458861 AXD458861 BGZ458861 BQV458861 CAR458861 CKN458861 CUJ458861 DEF458861 DOB458861 DXX458861 EHT458861 ERP458861 FBL458861 FLH458861 FVD458861 GEZ458861 GOV458861 GYR458861 HIN458861 HSJ458861 ICF458861 IMB458861 IVX458861 JFT458861 JPP458861 JZL458861 KJH458861 KTD458861 LCZ458861 LMV458861 LWR458861 MGN458861 MQJ458861 NAF458861 NKB458861 NTX458861 ODT458861 ONP458861 OXL458861 PHH458861 PRD458861 QAZ458861 QKV458861 QUR458861 REN458861 ROJ458861 RYF458861 SIB458861 SRX458861 TBT458861 TLP458861 TVL458861 UFH458861 UPD458861 UYZ458861 VIV458861 VSR458861 WCN458861 WMJ458861 WWF458861 X524397 JT524397 TP524397 ADL524397 ANH524397 AXD524397 BGZ524397 BQV524397 CAR524397 CKN524397 CUJ524397 DEF524397 DOB524397 DXX524397 EHT524397 ERP524397 FBL524397 FLH524397 FVD524397 GEZ524397 GOV524397 GYR524397 HIN524397 HSJ524397 ICF524397 IMB524397 IVX524397 JFT524397 JPP524397 JZL524397 KJH524397 KTD524397 LCZ524397 LMV524397 LWR524397 MGN524397 MQJ524397 NAF524397 NKB524397 NTX524397 ODT524397 ONP524397 OXL524397 PHH524397 PRD524397 QAZ524397 QKV524397 QUR524397 REN524397 ROJ524397 RYF524397 SIB524397 SRX524397 TBT524397 TLP524397 TVL524397 UFH524397 UPD524397 UYZ524397 VIV524397 VSR524397 WCN524397 WMJ524397 WWF524397 X589933 JT589933 TP589933 ADL589933 ANH589933 AXD589933 BGZ589933 BQV589933 CAR589933 CKN589933 CUJ589933 DEF589933 DOB589933 DXX589933 EHT589933 ERP589933 FBL589933 FLH589933 FVD589933 GEZ589933 GOV589933 GYR589933 HIN589933 HSJ589933 ICF589933 IMB589933 IVX589933 JFT589933 JPP589933 JZL589933 KJH589933 KTD589933 LCZ589933 LMV589933 LWR589933 MGN589933 MQJ589933 NAF589933 NKB589933 NTX589933 ODT589933 ONP589933 OXL589933 PHH589933 PRD589933 QAZ589933 QKV589933 QUR589933 REN589933 ROJ589933 RYF589933 SIB589933 SRX589933 TBT589933 TLP589933 TVL589933 UFH589933 UPD589933 UYZ589933 VIV589933 VSR589933 WCN589933 WMJ589933 WWF589933 X655469 JT655469 TP655469 ADL655469 ANH655469 AXD655469 BGZ655469 BQV655469 CAR655469 CKN655469 CUJ655469 DEF655469 DOB655469 DXX655469 EHT655469 ERP655469 FBL655469 FLH655469 FVD655469 GEZ655469 GOV655469 GYR655469 HIN655469 HSJ655469 ICF655469 IMB655469 IVX655469 JFT655469 JPP655469 JZL655469 KJH655469 KTD655469 LCZ655469 LMV655469 LWR655469 MGN655469 MQJ655469 NAF655469 NKB655469 NTX655469 ODT655469 ONP655469 OXL655469 PHH655469 PRD655469 QAZ655469 QKV655469 QUR655469 REN655469 ROJ655469 RYF655469 SIB655469 SRX655469 TBT655469 TLP655469 TVL655469 UFH655469 UPD655469 UYZ655469 VIV655469 VSR655469 WCN655469 WMJ655469 WWF655469 X721005 JT721005 TP721005 ADL721005 ANH721005 AXD721005 BGZ721005 BQV721005 CAR721005 CKN721005 CUJ721005 DEF721005 DOB721005 DXX721005 EHT721005 ERP721005 FBL721005 FLH721005 FVD721005 GEZ721005 GOV721005 GYR721005 HIN721005 HSJ721005 ICF721005 IMB721005 IVX721005 JFT721005 JPP721005 JZL721005 KJH721005 KTD721005 LCZ721005 LMV721005 LWR721005 MGN721005 MQJ721005 NAF721005 NKB721005 NTX721005 ODT721005 ONP721005 OXL721005 PHH721005 PRD721005 QAZ721005 QKV721005 QUR721005 REN721005 ROJ721005 RYF721005 SIB721005 SRX721005 TBT721005 TLP721005 TVL721005 UFH721005 UPD721005 UYZ721005 VIV721005 VSR721005 WCN721005 WMJ721005 WWF721005 X786541 JT786541 TP786541 ADL786541 ANH786541 AXD786541 BGZ786541 BQV786541 CAR786541 CKN786541 CUJ786541 DEF786541 DOB786541 DXX786541 EHT786541 ERP786541 FBL786541 FLH786541 FVD786541 GEZ786541 GOV786541 GYR786541 HIN786541 HSJ786541 ICF786541 IMB786541 IVX786541 JFT786541 JPP786541 JZL786541 KJH786541 KTD786541 LCZ786541 LMV786541 LWR786541 MGN786541 MQJ786541 NAF786541 NKB786541 NTX786541 ODT786541 ONP786541 OXL786541 PHH786541 PRD786541 QAZ786541 QKV786541 QUR786541 REN786541 ROJ786541 RYF786541 SIB786541 SRX786541 TBT786541 TLP786541 TVL786541 UFH786541 UPD786541 UYZ786541 VIV786541 VSR786541 WCN786541 WMJ786541 WWF786541 X852077 JT852077 TP852077 ADL852077 ANH852077 AXD852077 BGZ852077 BQV852077 CAR852077 CKN852077 CUJ852077 DEF852077 DOB852077 DXX852077 EHT852077 ERP852077 FBL852077 FLH852077 FVD852077 GEZ852077 GOV852077 GYR852077 HIN852077 HSJ852077 ICF852077 IMB852077 IVX852077 JFT852077 JPP852077 JZL852077 KJH852077 KTD852077 LCZ852077 LMV852077 LWR852077 MGN852077 MQJ852077 NAF852077 NKB852077 NTX852077 ODT852077 ONP852077 OXL852077 PHH852077 PRD852077 QAZ852077 QKV852077 QUR852077 REN852077 ROJ852077 RYF852077 SIB852077 SRX852077 TBT852077 TLP852077 TVL852077 UFH852077 UPD852077 UYZ852077 VIV852077 VSR852077 WCN852077 WMJ852077 WWF852077 X917613 JT917613 TP917613 ADL917613 ANH917613 AXD917613 BGZ917613 BQV917613 CAR917613 CKN917613 CUJ917613 DEF917613 DOB917613 DXX917613 EHT917613 ERP917613 FBL917613 FLH917613 FVD917613 GEZ917613 GOV917613 GYR917613 HIN917613 HSJ917613 ICF917613 IMB917613 IVX917613 JFT917613 JPP917613 JZL917613 KJH917613 KTD917613 LCZ917613 LMV917613 LWR917613 MGN917613 MQJ917613 NAF917613 NKB917613 NTX917613 ODT917613 ONP917613 OXL917613 PHH917613 PRD917613 QAZ917613 QKV917613 QUR917613 REN917613 ROJ917613 RYF917613 SIB917613 SRX917613 TBT917613 TLP917613 TVL917613 UFH917613 UPD917613 UYZ917613 VIV917613 VSR917613 WCN917613 WMJ917613 WWF917613 X983149 JT983149 TP983149 ADL983149 ANH983149 AXD983149 BGZ983149 BQV983149 CAR983149 CKN983149 CUJ983149 DEF983149 DOB983149 DXX983149 EHT983149 ERP983149 FBL983149 FLH983149 FVD983149 GEZ983149 GOV983149 GYR983149 HIN983149 HSJ983149 ICF983149 IMB983149 IVX983149 JFT983149 JPP983149 JZL983149 KJH983149 KTD983149 LCZ983149 LMV983149 LWR983149 MGN983149 MQJ983149 NAF983149 NKB983149 NTX983149 ODT983149 ONP983149 OXL983149 PHH983149 PRD983149 QAZ983149 QKV983149 QUR983149 REN983149 ROJ983149 RYF983149 SIB983149 SRX983149 TBT983149 TLP983149 TVL983149 UFH983149 UPD983149 UYZ983149 VIV983149 VSR983149 WCN983149 WMJ983149 WWF983149 V111 JR111 TN111 ADJ111 ANF111 AXB111 BGX111 BQT111 CAP111 CKL111 CUH111 DED111 DNZ111 DXV111 EHR111 ERN111 FBJ111 FLF111 FVB111 GEX111 GOT111 GYP111 HIL111 HSH111 ICD111 ILZ111 IVV111 JFR111 JPN111 JZJ111 KJF111 KTB111 LCX111 LMT111 LWP111 MGL111 MQH111 NAD111 NJZ111 NTV111 ODR111 ONN111 OXJ111 PHF111 PRB111 QAX111 QKT111 QUP111 REL111 ROH111 RYD111 SHZ111 SRV111 TBR111 TLN111 TVJ111 UFF111 UPB111 UYX111 VIT111 VSP111 WCL111 WMH111 WWD111 V65647 JR65647 TN65647 ADJ65647 ANF65647 AXB65647 BGX65647 BQT65647 CAP65647 CKL65647 CUH65647 DED65647 DNZ65647 DXV65647 EHR65647 ERN65647 FBJ65647 FLF65647 FVB65647 GEX65647 GOT65647 GYP65647 HIL65647 HSH65647 ICD65647 ILZ65647 IVV65647 JFR65647 JPN65647 JZJ65647 KJF65647 KTB65647 LCX65647 LMT65647 LWP65647 MGL65647 MQH65647 NAD65647 NJZ65647 NTV65647 ODR65647 ONN65647 OXJ65647 PHF65647 PRB65647 QAX65647 QKT65647 QUP65647 REL65647 ROH65647 RYD65647 SHZ65647 SRV65647 TBR65647 TLN65647 TVJ65647 UFF65647 UPB65647 UYX65647 VIT65647 VSP65647 WCL65647 WMH65647 WWD65647 V131183 JR131183 TN131183 ADJ131183 ANF131183 AXB131183 BGX131183 BQT131183 CAP131183 CKL131183 CUH131183 DED131183 DNZ131183 DXV131183 EHR131183 ERN131183 FBJ131183 FLF131183 FVB131183 GEX131183 GOT131183 GYP131183 HIL131183 HSH131183 ICD131183 ILZ131183 IVV131183 JFR131183 JPN131183 JZJ131183 KJF131183 KTB131183 LCX131183 LMT131183 LWP131183 MGL131183 MQH131183 NAD131183 NJZ131183 NTV131183 ODR131183 ONN131183 OXJ131183 PHF131183 PRB131183 QAX131183 QKT131183 QUP131183 REL131183 ROH131183 RYD131183 SHZ131183 SRV131183 TBR131183 TLN131183 TVJ131183 UFF131183 UPB131183 UYX131183 VIT131183 VSP131183 WCL131183 WMH131183 WWD131183 V196719 JR196719 TN196719 ADJ196719 ANF196719 AXB196719 BGX196719 BQT196719 CAP196719 CKL196719 CUH196719 DED196719 DNZ196719 DXV196719 EHR196719 ERN196719 FBJ196719 FLF196719 FVB196719 GEX196719 GOT196719 GYP196719 HIL196719 HSH196719 ICD196719 ILZ196719 IVV196719 JFR196719 JPN196719 JZJ196719 KJF196719 KTB196719 LCX196719 LMT196719 LWP196719 MGL196719 MQH196719 NAD196719 NJZ196719 NTV196719 ODR196719 ONN196719 OXJ196719 PHF196719 PRB196719 QAX196719 QKT196719 QUP196719 REL196719 ROH196719 RYD196719 SHZ196719 SRV196719 TBR196719 TLN196719 TVJ196719 UFF196719 UPB196719 UYX196719 VIT196719 VSP196719 WCL196719 WMH196719 WWD196719 V262255 JR262255 TN262255 ADJ262255 ANF262255 AXB262255 BGX262255 BQT262255 CAP262255 CKL262255 CUH262255 DED262255 DNZ262255 DXV262255 EHR262255 ERN262255 FBJ262255 FLF262255 FVB262255 GEX262255 GOT262255 GYP262255 HIL262255 HSH262255 ICD262255 ILZ262255 IVV262255 JFR262255 JPN262255 JZJ262255 KJF262255 KTB262255 LCX262255 LMT262255 LWP262255 MGL262255 MQH262255 NAD262255 NJZ262255 NTV262255 ODR262255 ONN262255 OXJ262255 PHF262255 PRB262255 QAX262255 QKT262255 QUP262255 REL262255 ROH262255 RYD262255 SHZ262255 SRV262255 TBR262255 TLN262255 TVJ262255 UFF262255 UPB262255 UYX262255 VIT262255 VSP262255 WCL262255 WMH262255 WWD262255 V327791 JR327791 TN327791 ADJ327791 ANF327791 AXB327791 BGX327791 BQT327791 CAP327791 CKL327791 CUH327791 DED327791 DNZ327791 DXV327791 EHR327791 ERN327791 FBJ327791 FLF327791 FVB327791 GEX327791 GOT327791 GYP327791 HIL327791 HSH327791 ICD327791 ILZ327791 IVV327791 JFR327791 JPN327791 JZJ327791 KJF327791 KTB327791 LCX327791 LMT327791 LWP327791 MGL327791 MQH327791 NAD327791 NJZ327791 NTV327791 ODR327791 ONN327791 OXJ327791 PHF327791 PRB327791 QAX327791 QKT327791 QUP327791 REL327791 ROH327791 RYD327791 SHZ327791 SRV327791 TBR327791 TLN327791 TVJ327791 UFF327791 UPB327791 UYX327791 VIT327791 VSP327791 WCL327791 WMH327791 WWD327791 V393327 JR393327 TN393327 ADJ393327 ANF393327 AXB393327 BGX393327 BQT393327 CAP393327 CKL393327 CUH393327 DED393327 DNZ393327 DXV393327 EHR393327 ERN393327 FBJ393327 FLF393327 FVB393327 GEX393327 GOT393327 GYP393327 HIL393327 HSH393327 ICD393327 ILZ393327 IVV393327 JFR393327 JPN393327 JZJ393327 KJF393327 KTB393327 LCX393327 LMT393327 LWP393327 MGL393327 MQH393327 NAD393327 NJZ393327 NTV393327 ODR393327 ONN393327 OXJ393327 PHF393327 PRB393327 QAX393327 QKT393327 QUP393327 REL393327 ROH393327 RYD393327 SHZ393327 SRV393327 TBR393327 TLN393327 TVJ393327 UFF393327 UPB393327 UYX393327 VIT393327 VSP393327 WCL393327 WMH393327 WWD393327 V458863 JR458863 TN458863 ADJ458863 ANF458863 AXB458863 BGX458863 BQT458863 CAP458863 CKL458863 CUH458863 DED458863 DNZ458863 DXV458863 EHR458863 ERN458863 FBJ458863 FLF458863 FVB458863 GEX458863 GOT458863 GYP458863 HIL458863 HSH458863 ICD458863 ILZ458863 IVV458863 JFR458863 JPN458863 JZJ458863 KJF458863 KTB458863 LCX458863 LMT458863 LWP458863 MGL458863 MQH458863 NAD458863 NJZ458863 NTV458863 ODR458863 ONN458863 OXJ458863 PHF458863 PRB458863 QAX458863 QKT458863 QUP458863 REL458863 ROH458863 RYD458863 SHZ458863 SRV458863 TBR458863 TLN458863 TVJ458863 UFF458863 UPB458863 UYX458863 VIT458863 VSP458863 WCL458863 WMH458863 WWD458863 V524399 JR524399 TN524399 ADJ524399 ANF524399 AXB524399 BGX524399 BQT524399 CAP524399 CKL524399 CUH524399 DED524399 DNZ524399 DXV524399 EHR524399 ERN524399 FBJ524399 FLF524399 FVB524399 GEX524399 GOT524399 GYP524399 HIL524399 HSH524399 ICD524399 ILZ524399 IVV524399 JFR524399 JPN524399 JZJ524399 KJF524399 KTB524399 LCX524399 LMT524399 LWP524399 MGL524399 MQH524399 NAD524399 NJZ524399 NTV524399 ODR524399 ONN524399 OXJ524399 PHF524399 PRB524399 QAX524399 QKT524399 QUP524399 REL524399 ROH524399 RYD524399 SHZ524399 SRV524399 TBR524399 TLN524399 TVJ524399 UFF524399 UPB524399 UYX524399 VIT524399 VSP524399 WCL524399 WMH524399 WWD524399 V589935 JR589935 TN589935 ADJ589935 ANF589935 AXB589935 BGX589935 BQT589935 CAP589935 CKL589935 CUH589935 DED589935 DNZ589935 DXV589935 EHR589935 ERN589935 FBJ589935 FLF589935 FVB589935 GEX589935 GOT589935 GYP589935 HIL589935 HSH589935 ICD589935 ILZ589935 IVV589935 JFR589935 JPN589935 JZJ589935 KJF589935 KTB589935 LCX589935 LMT589935 LWP589935 MGL589935 MQH589935 NAD589935 NJZ589935 NTV589935 ODR589935 ONN589935 OXJ589935 PHF589935 PRB589935 QAX589935 QKT589935 QUP589935 REL589935 ROH589935 RYD589935 SHZ589935 SRV589935 TBR589935 TLN589935 TVJ589935 UFF589935 UPB589935 UYX589935 VIT589935 VSP589935 WCL589935 WMH589935 WWD589935 V655471 JR655471 TN655471 ADJ655471 ANF655471 AXB655471 BGX655471 BQT655471 CAP655471 CKL655471 CUH655471 DED655471 DNZ655471 DXV655471 EHR655471 ERN655471 FBJ655471 FLF655471 FVB655471 GEX655471 GOT655471 GYP655471 HIL655471 HSH655471 ICD655471 ILZ655471 IVV655471 JFR655471 JPN655471 JZJ655471 KJF655471 KTB655471 LCX655471 LMT655471 LWP655471 MGL655471 MQH655471 NAD655471 NJZ655471 NTV655471 ODR655471 ONN655471 OXJ655471 PHF655471 PRB655471 QAX655471 QKT655471 QUP655471 REL655471 ROH655471 RYD655471 SHZ655471 SRV655471 TBR655471 TLN655471 TVJ655471 UFF655471 UPB655471 UYX655471 VIT655471 VSP655471 WCL655471 WMH655471 WWD655471 V721007 JR721007 TN721007 ADJ721007 ANF721007 AXB721007 BGX721007 BQT721007 CAP721007 CKL721007 CUH721007 DED721007 DNZ721007 DXV721007 EHR721007 ERN721007 FBJ721007 FLF721007 FVB721007 GEX721007 GOT721007 GYP721007 HIL721007 HSH721007 ICD721007 ILZ721007 IVV721007 JFR721007 JPN721007 JZJ721007 KJF721007 KTB721007 LCX721007 LMT721007 LWP721007 MGL721007 MQH721007 NAD721007 NJZ721007 NTV721007 ODR721007 ONN721007 OXJ721007 PHF721007 PRB721007 QAX721007 QKT721007 QUP721007 REL721007 ROH721007 RYD721007 SHZ721007 SRV721007 TBR721007 TLN721007 TVJ721007 UFF721007 UPB721007 UYX721007 VIT721007 VSP721007 WCL721007 WMH721007 WWD721007 V786543 JR786543 TN786543 ADJ786543 ANF786543 AXB786543 BGX786543 BQT786543 CAP786543 CKL786543 CUH786543 DED786543 DNZ786543 DXV786543 EHR786543 ERN786543 FBJ786543 FLF786543 FVB786543 GEX786543 GOT786543 GYP786543 HIL786543 HSH786543 ICD786543 ILZ786543 IVV786543 JFR786543 JPN786543 JZJ786543 KJF786543 KTB786543 LCX786543 LMT786543 LWP786543 MGL786543 MQH786543 NAD786543 NJZ786543 NTV786543 ODR786543 ONN786543 OXJ786543 PHF786543 PRB786543 QAX786543 QKT786543 QUP786543 REL786543 ROH786543 RYD786543 SHZ786543 SRV786543 TBR786543 TLN786543 TVJ786543 UFF786543 UPB786543 UYX786543 VIT786543 VSP786543 WCL786543 WMH786543 WWD786543 V852079 JR852079 TN852079 ADJ852079 ANF852079 AXB852079 BGX852079 BQT852079 CAP852079 CKL852079 CUH852079 DED852079 DNZ852079 DXV852079 EHR852079 ERN852079 FBJ852079 FLF852079 FVB852079 GEX852079 GOT852079 GYP852079 HIL852079 HSH852079 ICD852079 ILZ852079 IVV852079 JFR852079 JPN852079 JZJ852079 KJF852079 KTB852079 LCX852079 LMT852079 LWP852079 MGL852079 MQH852079 NAD852079 NJZ852079 NTV852079 ODR852079 ONN852079 OXJ852079 PHF852079 PRB852079 QAX852079 QKT852079 QUP852079 REL852079 ROH852079 RYD852079 SHZ852079 SRV852079 TBR852079 TLN852079 TVJ852079 UFF852079 UPB852079 UYX852079 VIT852079 VSP852079 WCL852079 WMH852079 WWD852079 V917615 JR917615 TN917615 ADJ917615 ANF917615 AXB917615 BGX917615 BQT917615 CAP917615 CKL917615 CUH917615 DED917615 DNZ917615 DXV917615 EHR917615 ERN917615 FBJ917615 FLF917615 FVB917615 GEX917615 GOT917615 GYP917615 HIL917615 HSH917615 ICD917615 ILZ917615 IVV917615 JFR917615 JPN917615 JZJ917615 KJF917615 KTB917615 LCX917615 LMT917615 LWP917615 MGL917615 MQH917615 NAD917615 NJZ917615 NTV917615 ODR917615 ONN917615 OXJ917615 PHF917615 PRB917615 QAX917615 QKT917615 QUP917615 REL917615 ROH917615 RYD917615 SHZ917615 SRV917615 TBR917615 TLN917615 TVJ917615 UFF917615 UPB917615 UYX917615 VIT917615 VSP917615 WCL917615 WMH917615 WWD917615 V983151 JR983151 TN983151 ADJ983151 ANF983151 AXB983151 BGX983151 BQT983151 CAP983151 CKL983151 CUH983151 DED983151 DNZ983151 DXV983151 EHR983151 ERN983151 FBJ983151 FLF983151 FVB983151 GEX983151 GOT983151 GYP983151 HIL983151 HSH983151 ICD983151 ILZ983151 IVV983151 JFR983151 JPN983151 JZJ983151 KJF983151 KTB983151 LCX983151 LMT983151 LWP983151 MGL983151 MQH983151 NAD983151 NJZ983151 NTV983151 ODR983151 ONN983151 OXJ983151 PHF983151 PRB983151 QAX983151 QKT983151 QUP983151 REL983151 ROH983151 RYD983151 SHZ983151 SRV983151 TBR983151 TLN983151 TVJ983151 UFF983151 UPB983151 UYX983151 VIT983151 VSP983151 WCL983151 WMH983151 WWD983151 X111 JT111 TP111 ADL111 ANH111 AXD111 BGZ111 BQV111 CAR111 CKN111 CUJ111 DEF111 DOB111 DXX111 EHT111 ERP111 FBL111 FLH111 FVD111 GEZ111 GOV111 GYR111 HIN111 HSJ111 ICF111 IMB111 IVX111 JFT111 JPP111 JZL111 KJH111 KTD111 LCZ111 LMV111 LWR111 MGN111 MQJ111 NAF111 NKB111 NTX111 ODT111 ONP111 OXL111 PHH111 PRD111 QAZ111 QKV111 QUR111 REN111 ROJ111 RYF111 SIB111 SRX111 TBT111 TLP111 TVL111 UFH111 UPD111 UYZ111 VIV111 VSR111 WCN111 WMJ111 WWF111 X65647 JT65647 TP65647 ADL65647 ANH65647 AXD65647 BGZ65647 BQV65647 CAR65647 CKN65647 CUJ65647 DEF65647 DOB65647 DXX65647 EHT65647 ERP65647 FBL65647 FLH65647 FVD65647 GEZ65647 GOV65647 GYR65647 HIN65647 HSJ65647 ICF65647 IMB65647 IVX65647 JFT65647 JPP65647 JZL65647 KJH65647 KTD65647 LCZ65647 LMV65647 LWR65647 MGN65647 MQJ65647 NAF65647 NKB65647 NTX65647 ODT65647 ONP65647 OXL65647 PHH65647 PRD65647 QAZ65647 QKV65647 QUR65647 REN65647 ROJ65647 RYF65647 SIB65647 SRX65647 TBT65647 TLP65647 TVL65647 UFH65647 UPD65647 UYZ65647 VIV65647 VSR65647 WCN65647 WMJ65647 WWF65647 X131183 JT131183 TP131183 ADL131183 ANH131183 AXD131183 BGZ131183 BQV131183 CAR131183 CKN131183 CUJ131183 DEF131183 DOB131183 DXX131183 EHT131183 ERP131183 FBL131183 FLH131183 FVD131183 GEZ131183 GOV131183 GYR131183 HIN131183 HSJ131183 ICF131183 IMB131183 IVX131183 JFT131183 JPP131183 JZL131183 KJH131183 KTD131183 LCZ131183 LMV131183 LWR131183 MGN131183 MQJ131183 NAF131183 NKB131183 NTX131183 ODT131183 ONP131183 OXL131183 PHH131183 PRD131183 QAZ131183 QKV131183 QUR131183 REN131183 ROJ131183 RYF131183 SIB131183 SRX131183 TBT131183 TLP131183 TVL131183 UFH131183 UPD131183 UYZ131183 VIV131183 VSR131183 WCN131183 WMJ131183 WWF131183 X196719 JT196719 TP196719 ADL196719 ANH196719 AXD196719 BGZ196719 BQV196719 CAR196719 CKN196719 CUJ196719 DEF196719 DOB196719 DXX196719 EHT196719 ERP196719 FBL196719 FLH196719 FVD196719 GEZ196719 GOV196719 GYR196719 HIN196719 HSJ196719 ICF196719 IMB196719 IVX196719 JFT196719 JPP196719 JZL196719 KJH196719 KTD196719 LCZ196719 LMV196719 LWR196719 MGN196719 MQJ196719 NAF196719 NKB196719 NTX196719 ODT196719 ONP196719 OXL196719 PHH196719 PRD196719 QAZ196719 QKV196719 QUR196719 REN196719 ROJ196719 RYF196719 SIB196719 SRX196719 TBT196719 TLP196719 TVL196719 UFH196719 UPD196719 UYZ196719 VIV196719 VSR196719 WCN196719 WMJ196719 WWF196719 X262255 JT262255 TP262255 ADL262255 ANH262255 AXD262255 BGZ262255 BQV262255 CAR262255 CKN262255 CUJ262255 DEF262255 DOB262255 DXX262255 EHT262255 ERP262255 FBL262255 FLH262255 FVD262255 GEZ262255 GOV262255 GYR262255 HIN262255 HSJ262255 ICF262255 IMB262255 IVX262255 JFT262255 JPP262255 JZL262255 KJH262255 KTD262255 LCZ262255 LMV262255 LWR262255 MGN262255 MQJ262255 NAF262255 NKB262255 NTX262255 ODT262255 ONP262255 OXL262255 PHH262255 PRD262255 QAZ262255 QKV262255 QUR262255 REN262255 ROJ262255 RYF262255 SIB262255 SRX262255 TBT262255 TLP262255 TVL262255 UFH262255 UPD262255 UYZ262255 VIV262255 VSR262255 WCN262255 WMJ262255 WWF262255 X327791 JT327791 TP327791 ADL327791 ANH327791 AXD327791 BGZ327791 BQV327791 CAR327791 CKN327791 CUJ327791 DEF327791 DOB327791 DXX327791 EHT327791 ERP327791 FBL327791 FLH327791 FVD327791 GEZ327791 GOV327791 GYR327791 HIN327791 HSJ327791 ICF327791 IMB327791 IVX327791 JFT327791 JPP327791 JZL327791 KJH327791 KTD327791 LCZ327791 LMV327791 LWR327791 MGN327791 MQJ327791 NAF327791 NKB327791 NTX327791 ODT327791 ONP327791 OXL327791 PHH327791 PRD327791 QAZ327791 QKV327791 QUR327791 REN327791 ROJ327791 RYF327791 SIB327791 SRX327791 TBT327791 TLP327791 TVL327791 UFH327791 UPD327791 UYZ327791 VIV327791 VSR327791 WCN327791 WMJ327791 WWF327791 X393327 JT393327 TP393327 ADL393327 ANH393327 AXD393327 BGZ393327 BQV393327 CAR393327 CKN393327 CUJ393327 DEF393327 DOB393327 DXX393327 EHT393327 ERP393327 FBL393327 FLH393327 FVD393327 GEZ393327 GOV393327 GYR393327 HIN393327 HSJ393327 ICF393327 IMB393327 IVX393327 JFT393327 JPP393327 JZL393327 KJH393327 KTD393327 LCZ393327 LMV393327 LWR393327 MGN393327 MQJ393327 NAF393327 NKB393327 NTX393327 ODT393327 ONP393327 OXL393327 PHH393327 PRD393327 QAZ393327 QKV393327 QUR393327 REN393327 ROJ393327 RYF393327 SIB393327 SRX393327 TBT393327 TLP393327 TVL393327 UFH393327 UPD393327 UYZ393327 VIV393327 VSR393327 WCN393327 WMJ393327 WWF393327 X458863 JT458863 TP458863 ADL458863 ANH458863 AXD458863 BGZ458863 BQV458863 CAR458863 CKN458863 CUJ458863 DEF458863 DOB458863 DXX458863 EHT458863 ERP458863 FBL458863 FLH458863 FVD458863 GEZ458863 GOV458863 GYR458863 HIN458863 HSJ458863 ICF458863 IMB458863 IVX458863 JFT458863 JPP458863 JZL458863 KJH458863 KTD458863 LCZ458863 LMV458863 LWR458863 MGN458863 MQJ458863 NAF458863 NKB458863 NTX458863 ODT458863 ONP458863 OXL458863 PHH458863 PRD458863 QAZ458863 QKV458863 QUR458863 REN458863 ROJ458863 RYF458863 SIB458863 SRX458863 TBT458863 TLP458863 TVL458863 UFH458863 UPD458863 UYZ458863 VIV458863 VSR458863 WCN458863 WMJ458863 WWF458863 X524399 JT524399 TP524399 ADL524399 ANH524399 AXD524399 BGZ524399 BQV524399 CAR524399 CKN524399 CUJ524399 DEF524399 DOB524399 DXX524399 EHT524399 ERP524399 FBL524399 FLH524399 FVD524399 GEZ524399 GOV524399 GYR524399 HIN524399 HSJ524399 ICF524399 IMB524399 IVX524399 JFT524399 JPP524399 JZL524399 KJH524399 KTD524399 LCZ524399 LMV524399 LWR524399 MGN524399 MQJ524399 NAF524399 NKB524399 NTX524399 ODT524399 ONP524399 OXL524399 PHH524399 PRD524399 QAZ524399 QKV524399 QUR524399 REN524399 ROJ524399 RYF524399 SIB524399 SRX524399 TBT524399 TLP524399 TVL524399 UFH524399 UPD524399 UYZ524399 VIV524399 VSR524399 WCN524399 WMJ524399 WWF524399 X589935 JT589935 TP589935 ADL589935 ANH589935 AXD589935 BGZ589935 BQV589935 CAR589935 CKN589935 CUJ589935 DEF589935 DOB589935 DXX589935 EHT589935 ERP589935 FBL589935 FLH589935 FVD589935 GEZ589935 GOV589935 GYR589935 HIN589935 HSJ589935 ICF589935 IMB589935 IVX589935 JFT589935 JPP589935 JZL589935 KJH589935 KTD589935 LCZ589935 LMV589935 LWR589935 MGN589935 MQJ589935 NAF589935 NKB589935 NTX589935 ODT589935 ONP589935 OXL589935 PHH589935 PRD589935 QAZ589935 QKV589935 QUR589935 REN589935 ROJ589935 RYF589935 SIB589935 SRX589935 TBT589935 TLP589935 TVL589935 UFH589935 UPD589935 UYZ589935 VIV589935 VSR589935 WCN589935 WMJ589935 WWF589935 X655471 JT655471 TP655471 ADL655471 ANH655471 AXD655471 BGZ655471 BQV655471 CAR655471 CKN655471 CUJ655471 DEF655471 DOB655471 DXX655471 EHT655471 ERP655471 FBL655471 FLH655471 FVD655471 GEZ655471 GOV655471 GYR655471 HIN655471 HSJ655471 ICF655471 IMB655471 IVX655471 JFT655471 JPP655471 JZL655471 KJH655471 KTD655471 LCZ655471 LMV655471 LWR655471 MGN655471 MQJ655471 NAF655471 NKB655471 NTX655471 ODT655471 ONP655471 OXL655471 PHH655471 PRD655471 QAZ655471 QKV655471 QUR655471 REN655471 ROJ655471 RYF655471 SIB655471 SRX655471 TBT655471 TLP655471 TVL655471 UFH655471 UPD655471 UYZ655471 VIV655471 VSR655471 WCN655471 WMJ655471 WWF655471 X721007 JT721007 TP721007 ADL721007 ANH721007 AXD721007 BGZ721007 BQV721007 CAR721007 CKN721007 CUJ721007 DEF721007 DOB721007 DXX721007 EHT721007 ERP721007 FBL721007 FLH721007 FVD721007 GEZ721007 GOV721007 GYR721007 HIN721007 HSJ721007 ICF721007 IMB721007 IVX721007 JFT721007 JPP721007 JZL721007 KJH721007 KTD721007 LCZ721007 LMV721007 LWR721007 MGN721007 MQJ721007 NAF721007 NKB721007 NTX721007 ODT721007 ONP721007 OXL721007 PHH721007 PRD721007 QAZ721007 QKV721007 QUR721007 REN721007 ROJ721007 RYF721007 SIB721007 SRX721007 TBT721007 TLP721007 TVL721007 UFH721007 UPD721007 UYZ721007 VIV721007 VSR721007 WCN721007 WMJ721007 WWF721007 X786543 JT786543 TP786543 ADL786543 ANH786543 AXD786543 BGZ786543 BQV786543 CAR786543 CKN786543 CUJ786543 DEF786543 DOB786543 DXX786543 EHT786543 ERP786543 FBL786543 FLH786543 FVD786543 GEZ786543 GOV786543 GYR786543 HIN786543 HSJ786543 ICF786543 IMB786543 IVX786543 JFT786543 JPP786543 JZL786543 KJH786543 KTD786543 LCZ786543 LMV786543 LWR786543 MGN786543 MQJ786543 NAF786543 NKB786543 NTX786543 ODT786543 ONP786543 OXL786543 PHH786543 PRD786543 QAZ786543 QKV786543 QUR786543 REN786543 ROJ786543 RYF786543 SIB786543 SRX786543 TBT786543 TLP786543 TVL786543 UFH786543 UPD786543 UYZ786543 VIV786543 VSR786543 WCN786543 WMJ786543 WWF786543 X852079 JT852079 TP852079 ADL852079 ANH852079 AXD852079 BGZ852079 BQV852079 CAR852079 CKN852079 CUJ852079 DEF852079 DOB852079 DXX852079 EHT852079 ERP852079 FBL852079 FLH852079 FVD852079 GEZ852079 GOV852079 GYR852079 HIN852079 HSJ852079 ICF852079 IMB852079 IVX852079 JFT852079 JPP852079 JZL852079 KJH852079 KTD852079 LCZ852079 LMV852079 LWR852079 MGN852079 MQJ852079 NAF852079 NKB852079 NTX852079 ODT852079 ONP852079 OXL852079 PHH852079 PRD852079 QAZ852079 QKV852079 QUR852079 REN852079 ROJ852079 RYF852079 SIB852079 SRX852079 TBT852079 TLP852079 TVL852079 UFH852079 UPD852079 UYZ852079 VIV852079 VSR852079 WCN852079 WMJ852079 WWF852079 X917615 JT917615 TP917615 ADL917615 ANH917615 AXD917615 BGZ917615 BQV917615 CAR917615 CKN917615 CUJ917615 DEF917615 DOB917615 DXX917615 EHT917615 ERP917615 FBL917615 FLH917615 FVD917615 GEZ917615 GOV917615 GYR917615 HIN917615 HSJ917615 ICF917615 IMB917615 IVX917615 JFT917615 JPP917615 JZL917615 KJH917615 KTD917615 LCZ917615 LMV917615 LWR917615 MGN917615 MQJ917615 NAF917615 NKB917615 NTX917615 ODT917615 ONP917615 OXL917615 PHH917615 PRD917615 QAZ917615 QKV917615 QUR917615 REN917615 ROJ917615 RYF917615 SIB917615 SRX917615 TBT917615 TLP917615 TVL917615 UFH917615 UPD917615 UYZ917615 VIV917615 VSR917615 WCN917615 WMJ917615 WWF917615 X983151 JT983151 TP983151 ADL983151 ANH983151 AXD983151 BGZ983151 BQV983151 CAR983151 CKN983151 CUJ983151 DEF983151 DOB983151 DXX983151 EHT983151 ERP983151 FBL983151 FLH983151 FVD983151 GEZ983151 GOV983151 GYR983151 HIN983151 HSJ983151 ICF983151 IMB983151 IVX983151 JFT983151 JPP983151 JZL983151 KJH983151 KTD983151 LCZ983151 LMV983151 LWR983151 MGN983151 MQJ983151 NAF983151 NKB983151 NTX983151 ODT983151 ONP983151 OXL983151 PHH983151 PRD983151 QAZ983151 QKV983151 QUR983151 REN983151 ROJ983151 RYF983151 SIB983151 SRX983151 TBT983151 TLP983151 TVL983151 UFH983151 UPD983151 UYZ983151 VIV983151 VSR983151 WCN983151 WMJ983151 WWF983151</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B123"/>
  <sheetViews>
    <sheetView zoomScaleNormal="100" zoomScaleSheetLayoutView="85" workbookViewId="0">
      <selection activeCell="F61" sqref="F61"/>
    </sheetView>
  </sheetViews>
  <sheetFormatPr defaultColWidth="4" defaultRowHeight="13.5" x14ac:dyDescent="0.15"/>
  <cols>
    <col min="1" max="1" width="1.5" style="79" customWidth="1"/>
    <col min="2" max="2" width="2.375" style="79" customWidth="1"/>
    <col min="3" max="3" width="1.125" style="79" customWidth="1"/>
    <col min="4" max="20" width="4" style="79"/>
    <col min="21" max="21" width="2.375" style="79" customWidth="1"/>
    <col min="22" max="22" width="4" style="79"/>
    <col min="23" max="23" width="2.25" style="79" customWidth="1"/>
    <col min="24" max="24" width="4" style="79"/>
    <col min="25" max="25" width="2.375" style="79" customWidth="1"/>
    <col min="26" max="26" width="1.5" style="79" customWidth="1"/>
    <col min="27" max="16384" width="4" style="79"/>
  </cols>
  <sheetData>
    <row r="2" spans="2:25" x14ac:dyDescent="0.15">
      <c r="B2" s="79" t="s">
        <v>524</v>
      </c>
      <c r="C2"/>
      <c r="D2"/>
      <c r="E2"/>
      <c r="F2"/>
      <c r="G2"/>
      <c r="H2"/>
      <c r="I2"/>
      <c r="J2"/>
      <c r="K2"/>
      <c r="L2"/>
      <c r="M2"/>
      <c r="N2"/>
      <c r="O2"/>
      <c r="P2"/>
      <c r="Q2"/>
      <c r="R2"/>
      <c r="S2"/>
      <c r="T2"/>
      <c r="U2"/>
      <c r="V2"/>
      <c r="W2"/>
      <c r="X2"/>
      <c r="Y2"/>
    </row>
    <row r="4" spans="2:25" x14ac:dyDescent="0.15">
      <c r="B4" s="371" t="s">
        <v>525</v>
      </c>
      <c r="C4" s="371"/>
      <c r="D4" s="371"/>
      <c r="E4" s="371"/>
      <c r="F4" s="371"/>
      <c r="G4" s="371"/>
      <c r="H4" s="371"/>
      <c r="I4" s="371"/>
      <c r="J4" s="371"/>
      <c r="K4" s="371"/>
      <c r="L4" s="371"/>
      <c r="M4" s="371"/>
      <c r="N4" s="371"/>
      <c r="O4" s="371"/>
      <c r="P4" s="371"/>
      <c r="Q4" s="371"/>
      <c r="R4" s="371"/>
      <c r="S4" s="371"/>
      <c r="T4" s="371"/>
      <c r="U4" s="371"/>
      <c r="V4" s="371"/>
      <c r="W4" s="371"/>
      <c r="X4" s="371"/>
      <c r="Y4" s="371"/>
    </row>
    <row r="6" spans="2:25" ht="23.25" customHeight="1" x14ac:dyDescent="0.15">
      <c r="B6" s="409" t="s">
        <v>15</v>
      </c>
      <c r="C6" s="409"/>
      <c r="D6" s="409"/>
      <c r="E6" s="409"/>
      <c r="F6" s="409"/>
      <c r="G6" s="367"/>
      <c r="H6" s="372"/>
      <c r="I6" s="372"/>
      <c r="J6" s="372"/>
      <c r="K6" s="372"/>
      <c r="L6" s="372"/>
      <c r="M6" s="372"/>
      <c r="N6" s="372"/>
      <c r="O6" s="372"/>
      <c r="P6" s="372"/>
      <c r="Q6" s="372"/>
      <c r="R6" s="372"/>
      <c r="S6" s="372"/>
      <c r="T6" s="372"/>
      <c r="U6" s="372"/>
      <c r="V6" s="372"/>
      <c r="W6" s="372"/>
      <c r="X6" s="372"/>
      <c r="Y6" s="454"/>
    </row>
    <row r="7" spans="2:25" ht="23.25" customHeight="1" x14ac:dyDescent="0.15">
      <c r="B7" s="409" t="s">
        <v>16</v>
      </c>
      <c r="C7" s="409"/>
      <c r="D7" s="409"/>
      <c r="E7" s="409"/>
      <c r="F7" s="409"/>
      <c r="G7" s="81" t="s">
        <v>0</v>
      </c>
      <c r="H7" s="106" t="s">
        <v>17</v>
      </c>
      <c r="I7" s="106"/>
      <c r="J7" s="106"/>
      <c r="K7" s="106"/>
      <c r="L7" s="75" t="s">
        <v>0</v>
      </c>
      <c r="M7" s="106" t="s">
        <v>18</v>
      </c>
      <c r="N7" s="106"/>
      <c r="O7" s="106"/>
      <c r="P7" s="106"/>
      <c r="Q7" s="75" t="s">
        <v>0</v>
      </c>
      <c r="R7" s="106" t="s">
        <v>19</v>
      </c>
      <c r="S7" s="106"/>
      <c r="T7" s="106"/>
      <c r="U7" s="106"/>
      <c r="V7" s="106"/>
      <c r="W7" s="77"/>
      <c r="X7" s="77"/>
      <c r="Y7" s="78"/>
    </row>
    <row r="8" spans="2:25" ht="20.100000000000001" customHeight="1" x14ac:dyDescent="0.15">
      <c r="B8" s="455" t="s">
        <v>305</v>
      </c>
      <c r="C8" s="456"/>
      <c r="D8" s="456"/>
      <c r="E8" s="456"/>
      <c r="F8" s="457"/>
      <c r="G8" s="75" t="s">
        <v>0</v>
      </c>
      <c r="H8" s="100" t="s">
        <v>414</v>
      </c>
      <c r="I8" s="89"/>
      <c r="J8" s="89"/>
      <c r="K8" s="89"/>
      <c r="L8" s="89"/>
      <c r="M8" s="89"/>
      <c r="N8" s="89"/>
      <c r="O8" s="89"/>
      <c r="P8" s="89"/>
      <c r="Q8" s="89"/>
      <c r="R8" s="89"/>
      <c r="S8" s="89"/>
      <c r="T8" s="89"/>
      <c r="U8" s="89"/>
      <c r="V8" s="89"/>
      <c r="W8" s="89"/>
      <c r="X8" s="89"/>
      <c r="Y8" s="90"/>
    </row>
    <row r="9" spans="2:25" ht="20.100000000000001" customHeight="1" x14ac:dyDescent="0.15">
      <c r="B9" s="458"/>
      <c r="C9" s="371"/>
      <c r="D9" s="371"/>
      <c r="E9" s="371"/>
      <c r="F9" s="459"/>
      <c r="G9" s="75" t="s">
        <v>0</v>
      </c>
      <c r="H9" s="79" t="s">
        <v>415</v>
      </c>
      <c r="I9" s="73"/>
      <c r="J9" s="73"/>
      <c r="K9" s="73"/>
      <c r="L9" s="73"/>
      <c r="M9" s="73"/>
      <c r="N9" s="73"/>
      <c r="O9" s="73"/>
      <c r="P9" s="73"/>
      <c r="Q9" s="73"/>
      <c r="R9" s="73"/>
      <c r="S9" s="73"/>
      <c r="T9" s="73"/>
      <c r="U9" s="73"/>
      <c r="V9" s="73"/>
      <c r="W9" s="73"/>
      <c r="X9" s="73"/>
      <c r="Y9" s="74"/>
    </row>
    <row r="10" spans="2:25" ht="20.100000000000001" customHeight="1" x14ac:dyDescent="0.15">
      <c r="B10" s="416"/>
      <c r="C10" s="417"/>
      <c r="D10" s="417"/>
      <c r="E10" s="417"/>
      <c r="F10" s="460"/>
      <c r="G10" s="91" t="s">
        <v>0</v>
      </c>
      <c r="H10" s="103" t="s">
        <v>308</v>
      </c>
      <c r="I10" s="94"/>
      <c r="J10" s="94"/>
      <c r="K10" s="94"/>
      <c r="L10" s="94"/>
      <c r="M10" s="94"/>
      <c r="N10" s="94"/>
      <c r="O10" s="94"/>
      <c r="P10" s="94"/>
      <c r="Q10" s="94"/>
      <c r="R10" s="94"/>
      <c r="S10" s="94"/>
      <c r="T10" s="94"/>
      <c r="U10" s="94"/>
      <c r="V10" s="94"/>
      <c r="W10" s="94"/>
      <c r="X10" s="94"/>
      <c r="Y10" s="95"/>
    </row>
    <row r="11" spans="2:25" ht="20.100000000000001" customHeight="1" x14ac:dyDescent="0.15">
      <c r="B11" s="455" t="s">
        <v>526</v>
      </c>
      <c r="C11" s="456"/>
      <c r="D11" s="456"/>
      <c r="E11" s="456"/>
      <c r="F11" s="457"/>
      <c r="G11" s="75" t="s">
        <v>0</v>
      </c>
      <c r="H11" s="100" t="s">
        <v>527</v>
      </c>
      <c r="I11" s="89"/>
      <c r="J11" s="89"/>
      <c r="K11" s="89"/>
      <c r="L11" s="89"/>
      <c r="M11" s="89"/>
      <c r="N11" s="89"/>
      <c r="O11" s="89"/>
      <c r="P11" s="89"/>
      <c r="Q11" s="89"/>
      <c r="R11" s="89"/>
      <c r="S11" s="89"/>
      <c r="T11" s="89"/>
      <c r="U11" s="89"/>
      <c r="V11" s="89"/>
      <c r="W11" s="89"/>
      <c r="X11" s="89"/>
      <c r="Y11" s="90"/>
    </row>
    <row r="12" spans="2:25" ht="20.100000000000001" customHeight="1" x14ac:dyDescent="0.15">
      <c r="B12" s="458"/>
      <c r="C12" s="371"/>
      <c r="D12" s="371"/>
      <c r="E12" s="371"/>
      <c r="F12" s="459"/>
      <c r="G12" s="75" t="s">
        <v>0</v>
      </c>
      <c r="H12" s="79" t="s">
        <v>528</v>
      </c>
      <c r="I12" s="73"/>
      <c r="J12" s="73"/>
      <c r="K12" s="73"/>
      <c r="L12" s="73"/>
      <c r="M12" s="73"/>
      <c r="N12" s="73"/>
      <c r="O12" s="73"/>
      <c r="P12" s="73"/>
      <c r="Q12" s="73"/>
      <c r="R12" s="73"/>
      <c r="S12" s="73"/>
      <c r="T12" s="73"/>
      <c r="U12" s="73"/>
      <c r="V12" s="73"/>
      <c r="W12" s="73"/>
      <c r="X12" s="73"/>
      <c r="Y12" s="74"/>
    </row>
    <row r="13" spans="2:25" ht="20.100000000000001" customHeight="1" x14ac:dyDescent="0.15">
      <c r="B13" s="458"/>
      <c r="C13" s="371"/>
      <c r="D13" s="371"/>
      <c r="E13" s="371"/>
      <c r="F13" s="459"/>
      <c r="G13" s="75" t="s">
        <v>0</v>
      </c>
      <c r="H13" s="79" t="s">
        <v>529</v>
      </c>
      <c r="I13" s="73"/>
      <c r="J13" s="73"/>
      <c r="K13" s="73"/>
      <c r="L13" s="73"/>
      <c r="M13" s="73"/>
      <c r="N13" s="73"/>
      <c r="O13" s="73"/>
      <c r="P13" s="73"/>
      <c r="Q13" s="73"/>
      <c r="R13" s="73"/>
      <c r="S13" s="73"/>
      <c r="T13" s="73"/>
      <c r="U13" s="73"/>
      <c r="V13" s="73"/>
      <c r="W13" s="73"/>
      <c r="X13" s="73"/>
      <c r="Y13" s="74"/>
    </row>
    <row r="14" spans="2:25" ht="20.100000000000001" customHeight="1" x14ac:dyDescent="0.15">
      <c r="B14" s="416"/>
      <c r="C14" s="417"/>
      <c r="D14" s="417"/>
      <c r="E14" s="417"/>
      <c r="F14" s="460"/>
      <c r="G14" s="91" t="s">
        <v>0</v>
      </c>
      <c r="H14" s="103" t="s">
        <v>530</v>
      </c>
      <c r="I14" s="94"/>
      <c r="J14" s="94"/>
      <c r="K14" s="94"/>
      <c r="L14" s="94"/>
      <c r="M14" s="94"/>
      <c r="N14" s="94"/>
      <c r="O14" s="94"/>
      <c r="P14" s="94"/>
      <c r="Q14" s="94"/>
      <c r="R14" s="94"/>
      <c r="S14" s="94"/>
      <c r="T14" s="94"/>
      <c r="U14" s="94"/>
      <c r="V14" s="94"/>
      <c r="W14" s="94"/>
      <c r="X14" s="94"/>
      <c r="Y14" s="95"/>
    </row>
    <row r="16" spans="2:25" x14ac:dyDescent="0.15">
      <c r="B16" s="99"/>
      <c r="C16" s="100"/>
      <c r="D16" s="100"/>
      <c r="E16" s="100"/>
      <c r="F16" s="100"/>
      <c r="G16" s="100"/>
      <c r="H16" s="100"/>
      <c r="I16" s="100"/>
      <c r="J16" s="100"/>
      <c r="K16" s="100"/>
      <c r="L16" s="100"/>
      <c r="M16" s="100"/>
      <c r="N16" s="100"/>
      <c r="O16" s="100"/>
      <c r="P16" s="100"/>
      <c r="Q16" s="100"/>
      <c r="R16" s="100"/>
      <c r="S16" s="100"/>
      <c r="T16" s="100"/>
      <c r="U16" s="100"/>
      <c r="V16" s="100"/>
      <c r="W16" s="100"/>
      <c r="X16" s="100"/>
      <c r="Y16" s="101"/>
    </row>
    <row r="17" spans="2:28" x14ac:dyDescent="0.15">
      <c r="B17" s="3" t="s">
        <v>531</v>
      </c>
      <c r="Y17" s="80"/>
    </row>
    <row r="18" spans="2:28" x14ac:dyDescent="0.15">
      <c r="B18" s="3"/>
      <c r="Y18" s="80"/>
    </row>
    <row r="19" spans="2:28" x14ac:dyDescent="0.15">
      <c r="B19" s="3"/>
      <c r="C19" s="79" t="s">
        <v>532</v>
      </c>
      <c r="K19" s="371"/>
      <c r="L19" s="371"/>
      <c r="Y19" s="80"/>
    </row>
    <row r="20" spans="2:28" ht="6.75" customHeight="1" x14ac:dyDescent="0.15">
      <c r="B20" s="3"/>
      <c r="Y20" s="80"/>
    </row>
    <row r="21" spans="2:28" ht="17.25" customHeight="1" x14ac:dyDescent="0.15">
      <c r="B21" s="3"/>
      <c r="D21" s="410" t="s">
        <v>533</v>
      </c>
      <c r="E21" s="415"/>
      <c r="F21" s="415"/>
      <c r="G21" s="415"/>
      <c r="H21" s="415"/>
      <c r="I21" s="415"/>
      <c r="J21" s="415"/>
      <c r="K21" s="415"/>
      <c r="L21" s="415"/>
      <c r="M21" s="453"/>
      <c r="N21" s="410" t="s">
        <v>533</v>
      </c>
      <c r="O21" s="415"/>
      <c r="P21" s="415"/>
      <c r="Q21" s="415"/>
      <c r="R21" s="415"/>
      <c r="S21" s="415"/>
      <c r="T21" s="415"/>
      <c r="U21" s="415"/>
      <c r="V21" s="415"/>
      <c r="W21" s="415"/>
      <c r="X21" s="453"/>
      <c r="Y21" s="80"/>
    </row>
    <row r="22" spans="2:28" ht="26.25" customHeight="1" x14ac:dyDescent="0.15">
      <c r="B22" s="3"/>
      <c r="D22" s="410"/>
      <c r="E22" s="415"/>
      <c r="F22" s="415"/>
      <c r="G22" s="415"/>
      <c r="H22" s="415"/>
      <c r="I22" s="415"/>
      <c r="J22" s="415"/>
      <c r="K22" s="415"/>
      <c r="L22" s="415"/>
      <c r="M22" s="453"/>
      <c r="N22" s="410"/>
      <c r="O22" s="415"/>
      <c r="P22" s="415"/>
      <c r="Q22" s="415"/>
      <c r="R22" s="415"/>
      <c r="S22" s="415"/>
      <c r="T22" s="415"/>
      <c r="U22" s="415"/>
      <c r="V22" s="415"/>
      <c r="W22" s="415"/>
      <c r="X22" s="453"/>
      <c r="Y22" s="80"/>
    </row>
    <row r="23" spans="2:28" x14ac:dyDescent="0.15">
      <c r="B23" s="3"/>
      <c r="M23" s="75"/>
      <c r="R23" s="75"/>
      <c r="X23" s="75"/>
      <c r="Y23" s="80"/>
      <c r="Z23"/>
      <c r="AA23"/>
      <c r="AB23"/>
    </row>
    <row r="24" spans="2:28" x14ac:dyDescent="0.15">
      <c r="B24" s="3"/>
      <c r="C24" s="79" t="s">
        <v>534</v>
      </c>
      <c r="K24" s="371"/>
      <c r="L24" s="371"/>
      <c r="Y24" s="80"/>
    </row>
    <row r="25" spans="2:28" ht="6.75" customHeight="1" x14ac:dyDescent="0.15">
      <c r="B25" s="3"/>
      <c r="Y25" s="80"/>
    </row>
    <row r="26" spans="2:28" ht="17.25" customHeight="1" x14ac:dyDescent="0.15">
      <c r="B26" s="3"/>
      <c r="D26" s="410" t="s">
        <v>533</v>
      </c>
      <c r="E26" s="415"/>
      <c r="F26" s="415"/>
      <c r="G26" s="415"/>
      <c r="H26" s="415"/>
      <c r="I26" s="415"/>
      <c r="J26" s="415"/>
      <c r="K26" s="415"/>
      <c r="L26" s="415"/>
      <c r="M26" s="453"/>
      <c r="N26" s="410" t="s">
        <v>533</v>
      </c>
      <c r="O26" s="415"/>
      <c r="P26" s="415"/>
      <c r="Q26" s="415"/>
      <c r="R26" s="415"/>
      <c r="S26" s="415"/>
      <c r="T26" s="415"/>
      <c r="U26" s="415"/>
      <c r="V26" s="415"/>
      <c r="W26" s="415"/>
      <c r="X26" s="453"/>
      <c r="Y26" s="80"/>
    </row>
    <row r="27" spans="2:28" ht="26.25" customHeight="1" x14ac:dyDescent="0.15">
      <c r="B27" s="3"/>
      <c r="D27" s="410"/>
      <c r="E27" s="415"/>
      <c r="F27" s="415"/>
      <c r="G27" s="415"/>
      <c r="H27" s="415"/>
      <c r="I27" s="415"/>
      <c r="J27" s="415"/>
      <c r="K27" s="415"/>
      <c r="L27" s="415"/>
      <c r="M27" s="453"/>
      <c r="N27" s="410"/>
      <c r="O27" s="415"/>
      <c r="P27" s="415"/>
      <c r="Q27" s="415"/>
      <c r="R27" s="415"/>
      <c r="S27" s="415"/>
      <c r="T27" s="415"/>
      <c r="U27" s="415"/>
      <c r="V27" s="415"/>
      <c r="W27" s="415"/>
      <c r="X27" s="453"/>
      <c r="Y27" s="80"/>
    </row>
    <row r="28" spans="2:28" x14ac:dyDescent="0.15">
      <c r="B28" s="3"/>
      <c r="Y28" s="80"/>
      <c r="Z28"/>
      <c r="AA28"/>
      <c r="AB28"/>
    </row>
    <row r="29" spans="2:28" x14ac:dyDescent="0.15">
      <c r="B29" s="3"/>
      <c r="C29" s="79" t="s">
        <v>535</v>
      </c>
      <c r="K29" s="4"/>
      <c r="L29" s="4"/>
      <c r="Y29" s="80"/>
    </row>
    <row r="30" spans="2:28" ht="6.75" customHeight="1" x14ac:dyDescent="0.15">
      <c r="B30" s="3"/>
      <c r="Y30" s="80"/>
    </row>
    <row r="31" spans="2:28" ht="17.25" customHeight="1" x14ac:dyDescent="0.15">
      <c r="B31" s="3"/>
      <c r="D31" s="410" t="s">
        <v>533</v>
      </c>
      <c r="E31" s="415"/>
      <c r="F31" s="415"/>
      <c r="G31" s="415"/>
      <c r="H31" s="415"/>
      <c r="I31" s="415"/>
      <c r="J31" s="415"/>
      <c r="K31" s="415"/>
      <c r="L31" s="415"/>
      <c r="M31" s="453"/>
      <c r="N31" s="410" t="s">
        <v>533</v>
      </c>
      <c r="O31" s="415"/>
      <c r="P31" s="415"/>
      <c r="Q31" s="415"/>
      <c r="R31" s="415"/>
      <c r="S31" s="415"/>
      <c r="T31" s="415"/>
      <c r="U31" s="415"/>
      <c r="V31" s="415"/>
      <c r="W31" s="415"/>
      <c r="X31" s="453"/>
      <c r="Y31" s="80"/>
    </row>
    <row r="32" spans="2:28" ht="26.25" customHeight="1" x14ac:dyDescent="0.15">
      <c r="B32" s="3"/>
      <c r="D32" s="410"/>
      <c r="E32" s="415"/>
      <c r="F32" s="415"/>
      <c r="G32" s="415"/>
      <c r="H32" s="415"/>
      <c r="I32" s="415"/>
      <c r="J32" s="415"/>
      <c r="K32" s="415"/>
      <c r="L32" s="415"/>
      <c r="M32" s="453"/>
      <c r="N32" s="410"/>
      <c r="O32" s="415"/>
      <c r="P32" s="415"/>
      <c r="Q32" s="415"/>
      <c r="R32" s="415"/>
      <c r="S32" s="415"/>
      <c r="T32" s="415"/>
      <c r="U32" s="415"/>
      <c r="V32" s="415"/>
      <c r="W32" s="415"/>
      <c r="X32" s="453"/>
      <c r="Y32" s="80"/>
    </row>
    <row r="33" spans="1:28" ht="7.5" customHeight="1" x14ac:dyDescent="0.15">
      <c r="B33" s="3"/>
      <c r="Y33" s="80"/>
      <c r="Z33"/>
      <c r="AA33"/>
      <c r="AB33"/>
    </row>
    <row r="34" spans="1:28" x14ac:dyDescent="0.15">
      <c r="B34" s="3"/>
      <c r="C34" s="79" t="s">
        <v>536</v>
      </c>
      <c r="K34" s="371"/>
      <c r="L34" s="371"/>
      <c r="Y34" s="80"/>
    </row>
    <row r="35" spans="1:28" ht="6.75" customHeight="1" x14ac:dyDescent="0.15">
      <c r="B35" s="3"/>
      <c r="Y35" s="80"/>
    </row>
    <row r="36" spans="1:28" ht="17.25" customHeight="1" x14ac:dyDescent="0.15">
      <c r="B36" s="3"/>
      <c r="D36" s="410" t="s">
        <v>533</v>
      </c>
      <c r="E36" s="415"/>
      <c r="F36" s="415"/>
      <c r="G36" s="415"/>
      <c r="H36" s="415"/>
      <c r="I36" s="415"/>
      <c r="J36" s="415"/>
      <c r="K36" s="415"/>
      <c r="L36" s="415"/>
      <c r="M36" s="453"/>
      <c r="N36" s="410" t="s">
        <v>533</v>
      </c>
      <c r="O36" s="415"/>
      <c r="P36" s="415"/>
      <c r="Q36" s="415"/>
      <c r="R36" s="415"/>
      <c r="S36" s="415"/>
      <c r="T36" s="415"/>
      <c r="U36" s="415"/>
      <c r="V36" s="415"/>
      <c r="W36" s="415"/>
      <c r="X36" s="453"/>
      <c r="Y36" s="80"/>
    </row>
    <row r="37" spans="1:28" ht="27.75" customHeight="1" x14ac:dyDescent="0.15">
      <c r="B37" s="3"/>
      <c r="D37" s="410"/>
      <c r="E37" s="415"/>
      <c r="F37" s="415"/>
      <c r="G37" s="415"/>
      <c r="H37" s="415"/>
      <c r="I37" s="415"/>
      <c r="J37" s="415"/>
      <c r="K37" s="415"/>
      <c r="L37" s="415"/>
      <c r="M37" s="453"/>
      <c r="N37" s="410"/>
      <c r="O37" s="415"/>
      <c r="P37" s="415"/>
      <c r="Q37" s="415"/>
      <c r="R37" s="415"/>
      <c r="S37" s="415"/>
      <c r="T37" s="415"/>
      <c r="U37" s="415"/>
      <c r="V37" s="415"/>
      <c r="W37" s="415"/>
      <c r="X37" s="453"/>
      <c r="Y37" s="80"/>
    </row>
    <row r="38" spans="1:28" x14ac:dyDescent="0.15">
      <c r="A38" s="80"/>
      <c r="D38" s="267"/>
      <c r="Y38" s="80"/>
      <c r="Z38"/>
      <c r="AA38"/>
      <c r="AB38"/>
    </row>
    <row r="39" spans="1:28" x14ac:dyDescent="0.15">
      <c r="B39" s="102"/>
      <c r="C39" s="103"/>
      <c r="D39" s="103"/>
      <c r="E39" s="103"/>
      <c r="F39" s="103"/>
      <c r="G39" s="103"/>
      <c r="H39" s="103"/>
      <c r="I39" s="103"/>
      <c r="J39" s="103"/>
      <c r="K39" s="103"/>
      <c r="L39" s="103"/>
      <c r="M39" s="103"/>
      <c r="N39" s="103"/>
      <c r="O39" s="103"/>
      <c r="P39" s="103"/>
      <c r="Q39" s="103"/>
      <c r="R39" s="103"/>
      <c r="S39" s="103"/>
      <c r="T39" s="103"/>
      <c r="U39" s="103"/>
      <c r="V39" s="103"/>
      <c r="W39" s="103"/>
      <c r="X39" s="103"/>
      <c r="Y39" s="103"/>
      <c r="Z39" s="268"/>
      <c r="AA39"/>
      <c r="AB39"/>
    </row>
    <row r="42" spans="1:28" x14ac:dyDescent="0.15">
      <c r="B42" s="79" t="s">
        <v>537</v>
      </c>
    </row>
    <row r="43" spans="1:28" x14ac:dyDescent="0.15">
      <c r="B43" s="79" t="s">
        <v>538</v>
      </c>
      <c r="D43" s="79" t="s">
        <v>539</v>
      </c>
      <c r="K43"/>
      <c r="L43"/>
      <c r="M43"/>
      <c r="N43"/>
      <c r="O43"/>
      <c r="P43"/>
      <c r="Q43"/>
      <c r="R43"/>
      <c r="S43"/>
      <c r="T43"/>
      <c r="U43"/>
      <c r="V43"/>
      <c r="W43"/>
      <c r="X43"/>
      <c r="Y43"/>
      <c r="Z43"/>
      <c r="AA43"/>
      <c r="AB43"/>
    </row>
    <row r="122" spans="3:7" x14ac:dyDescent="0.15">
      <c r="C122" s="103"/>
      <c r="D122" s="103"/>
      <c r="E122" s="103"/>
      <c r="F122" s="103"/>
      <c r="G122" s="103"/>
    </row>
    <row r="123" spans="3:7" x14ac:dyDescent="0.15">
      <c r="C123" s="100"/>
    </row>
  </sheetData>
  <mergeCells count="25">
    <mergeCell ref="K24:L24"/>
    <mergeCell ref="B4:Y4"/>
    <mergeCell ref="B6:F6"/>
    <mergeCell ref="G6:Y6"/>
    <mergeCell ref="B7:F7"/>
    <mergeCell ref="B8:F10"/>
    <mergeCell ref="B11:F14"/>
    <mergeCell ref="K19:L19"/>
    <mergeCell ref="D21:M21"/>
    <mergeCell ref="N21:X21"/>
    <mergeCell ref="D22:M22"/>
    <mergeCell ref="N22:X22"/>
    <mergeCell ref="D37:M37"/>
    <mergeCell ref="N37:X37"/>
    <mergeCell ref="D26:M26"/>
    <mergeCell ref="N26:X26"/>
    <mergeCell ref="D27:M27"/>
    <mergeCell ref="N27:X27"/>
    <mergeCell ref="D31:M31"/>
    <mergeCell ref="N31:X31"/>
    <mergeCell ref="D32:M32"/>
    <mergeCell ref="N32:X32"/>
    <mergeCell ref="K34:L34"/>
    <mergeCell ref="D36:M36"/>
    <mergeCell ref="N36:X36"/>
  </mergeCells>
  <phoneticPr fontId="3"/>
  <dataValidations count="1">
    <dataValidation type="list" allowBlank="1" showInputMessage="1" showErrorMessage="1" sqref="L7 Q7 G7:G14">
      <formula1>"□,■"</formula1>
    </dataValidation>
  </dataValidations>
  <pageMargins left="0.7" right="0.7" top="0.75" bottom="0.75" header="0.3" footer="0.3"/>
  <pageSetup paperSize="9" scale="92" orientation="portrait" r:id="rId1"/>
  <rowBreaks count="2" manualBreakCount="2">
    <brk id="58" max="27" man="1"/>
    <brk id="649"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zoomScaleSheetLayoutView="130" workbookViewId="0">
      <selection activeCell="F61" sqref="F61"/>
    </sheetView>
  </sheetViews>
  <sheetFormatPr defaultColWidth="4" defaultRowHeight="13.5" x14ac:dyDescent="0.15"/>
  <cols>
    <col min="1" max="1" width="1.5" style="79" customWidth="1"/>
    <col min="2" max="2" width="2.375" style="79" customWidth="1"/>
    <col min="3" max="3" width="1.125" style="79" customWidth="1"/>
    <col min="4" max="20" width="4" style="79"/>
    <col min="21" max="21" width="2.375" style="79" customWidth="1"/>
    <col min="22" max="22" width="4" style="79"/>
    <col min="23" max="23" width="2.25" style="79" customWidth="1"/>
    <col min="24" max="24" width="4" style="79"/>
    <col min="25" max="25" width="2.375" style="79" customWidth="1"/>
    <col min="26" max="26" width="1.5" style="79" customWidth="1"/>
    <col min="27" max="16384" width="4" style="79"/>
  </cols>
  <sheetData>
    <row r="2" spans="2:25" x14ac:dyDescent="0.15">
      <c r="B2" s="79" t="s">
        <v>540</v>
      </c>
      <c r="C2"/>
      <c r="D2"/>
      <c r="E2"/>
      <c r="F2"/>
      <c r="G2"/>
      <c r="H2"/>
      <c r="I2"/>
      <c r="J2"/>
      <c r="K2"/>
      <c r="L2"/>
      <c r="M2"/>
      <c r="N2"/>
      <c r="O2"/>
      <c r="P2"/>
      <c r="Q2"/>
      <c r="R2"/>
      <c r="S2"/>
      <c r="T2"/>
      <c r="U2"/>
      <c r="V2"/>
      <c r="W2"/>
      <c r="X2"/>
      <c r="Y2"/>
    </row>
    <row r="4" spans="2:25" x14ac:dyDescent="0.15">
      <c r="B4" s="371" t="s">
        <v>541</v>
      </c>
      <c r="C4" s="371"/>
      <c r="D4" s="371"/>
      <c r="E4" s="371"/>
      <c r="F4" s="371"/>
      <c r="G4" s="371"/>
      <c r="H4" s="371"/>
      <c r="I4" s="371"/>
      <c r="J4" s="371"/>
      <c r="K4" s="371"/>
      <c r="L4" s="371"/>
      <c r="M4" s="371"/>
      <c r="N4" s="371"/>
      <c r="O4" s="371"/>
      <c r="P4" s="371"/>
      <c r="Q4" s="371"/>
      <c r="R4" s="371"/>
      <c r="S4" s="371"/>
      <c r="T4" s="371"/>
      <c r="U4" s="371"/>
      <c r="V4" s="371"/>
      <c r="W4" s="371"/>
      <c r="X4" s="371"/>
      <c r="Y4" s="371"/>
    </row>
    <row r="6" spans="2:25" ht="23.25" customHeight="1" x14ac:dyDescent="0.15">
      <c r="B6" s="409" t="s">
        <v>15</v>
      </c>
      <c r="C6" s="409"/>
      <c r="D6" s="409"/>
      <c r="E6" s="409"/>
      <c r="F6" s="409"/>
      <c r="G6" s="367"/>
      <c r="H6" s="372"/>
      <c r="I6" s="372"/>
      <c r="J6" s="372"/>
      <c r="K6" s="372"/>
      <c r="L6" s="372"/>
      <c r="M6" s="372"/>
      <c r="N6" s="372"/>
      <c r="O6" s="372"/>
      <c r="P6" s="372"/>
      <c r="Q6" s="372"/>
      <c r="R6" s="372"/>
      <c r="S6" s="372"/>
      <c r="T6" s="372"/>
      <c r="U6" s="372"/>
      <c r="V6" s="372"/>
      <c r="W6" s="372"/>
      <c r="X6" s="372"/>
      <c r="Y6" s="454"/>
    </row>
    <row r="7" spans="2:25" ht="23.25" customHeight="1" x14ac:dyDescent="0.15">
      <c r="B7" s="409" t="s">
        <v>499</v>
      </c>
      <c r="C7" s="409"/>
      <c r="D7" s="409"/>
      <c r="E7" s="409"/>
      <c r="F7" s="409"/>
      <c r="G7" s="81" t="s">
        <v>0</v>
      </c>
      <c r="H7" s="106" t="s">
        <v>17</v>
      </c>
      <c r="I7" s="106"/>
      <c r="J7" s="106"/>
      <c r="K7" s="106"/>
      <c r="L7" s="75" t="s">
        <v>0</v>
      </c>
      <c r="M7" s="106" t="s">
        <v>500</v>
      </c>
      <c r="N7" s="106"/>
      <c r="O7" s="106"/>
      <c r="P7" s="106"/>
      <c r="Q7" s="75" t="s">
        <v>0</v>
      </c>
      <c r="R7" s="106" t="s">
        <v>501</v>
      </c>
      <c r="S7" s="106"/>
      <c r="T7" s="106"/>
      <c r="U7" s="106"/>
      <c r="V7" s="106"/>
      <c r="W7" s="77"/>
      <c r="X7" s="77"/>
      <c r="Y7" s="78"/>
    </row>
    <row r="8" spans="2:25" ht="20.100000000000001" customHeight="1" x14ac:dyDescent="0.15">
      <c r="B8" s="455" t="s">
        <v>305</v>
      </c>
      <c r="C8" s="456"/>
      <c r="D8" s="456"/>
      <c r="E8" s="456"/>
      <c r="F8" s="457"/>
      <c r="G8" s="75" t="s">
        <v>0</v>
      </c>
      <c r="H8" s="100" t="s">
        <v>542</v>
      </c>
      <c r="I8" s="89"/>
      <c r="J8" s="89"/>
      <c r="K8" s="89"/>
      <c r="L8" s="89"/>
      <c r="M8" s="89"/>
      <c r="N8" s="89"/>
      <c r="O8" s="89"/>
      <c r="P8" s="89"/>
      <c r="Q8" s="89"/>
      <c r="R8" s="89"/>
      <c r="S8" s="89"/>
      <c r="T8" s="89"/>
      <c r="U8" s="89"/>
      <c r="V8" s="89"/>
      <c r="W8" s="89"/>
      <c r="X8" s="89"/>
      <c r="Y8" s="90"/>
    </row>
    <row r="9" spans="2:25" ht="20.100000000000001" customHeight="1" x14ac:dyDescent="0.15">
      <c r="B9" s="458"/>
      <c r="C9" s="371"/>
      <c r="D9" s="371"/>
      <c r="E9" s="371"/>
      <c r="F9" s="459"/>
      <c r="G9" s="75" t="s">
        <v>0</v>
      </c>
      <c r="H9" s="79" t="s">
        <v>543</v>
      </c>
      <c r="I9" s="73"/>
      <c r="J9" s="73"/>
      <c r="K9" s="73"/>
      <c r="L9" s="73"/>
      <c r="M9" s="73"/>
      <c r="N9" s="73"/>
      <c r="O9" s="73"/>
      <c r="P9" s="73"/>
      <c r="Q9" s="73"/>
      <c r="R9" s="73"/>
      <c r="S9" s="73"/>
      <c r="T9" s="73"/>
      <c r="U9" s="73"/>
      <c r="V9" s="73"/>
      <c r="W9" s="73"/>
      <c r="X9" s="73"/>
      <c r="Y9" s="74"/>
    </row>
    <row r="10" spans="2:25" ht="20.100000000000001" customHeight="1" x14ac:dyDescent="0.15">
      <c r="B10" s="416"/>
      <c r="C10" s="417"/>
      <c r="D10" s="417"/>
      <c r="E10" s="417"/>
      <c r="F10" s="460"/>
      <c r="G10" s="91" t="s">
        <v>0</v>
      </c>
      <c r="H10" s="103" t="s">
        <v>308</v>
      </c>
      <c r="I10" s="94"/>
      <c r="J10" s="94"/>
      <c r="K10" s="94"/>
      <c r="L10" s="94"/>
      <c r="M10" s="94"/>
      <c r="N10" s="94"/>
      <c r="O10" s="94"/>
      <c r="P10" s="94"/>
      <c r="Q10" s="94"/>
      <c r="R10" s="94"/>
      <c r="S10" s="94"/>
      <c r="T10" s="94"/>
      <c r="U10" s="94"/>
      <c r="V10" s="94"/>
      <c r="W10" s="94"/>
      <c r="X10" s="94"/>
      <c r="Y10" s="95"/>
    </row>
    <row r="11" spans="2:25" ht="23.25" customHeight="1" x14ac:dyDescent="0.15">
      <c r="B11" s="409" t="s">
        <v>544</v>
      </c>
      <c r="C11" s="409"/>
      <c r="D11" s="409"/>
      <c r="E11" s="409"/>
      <c r="F11" s="409"/>
      <c r="G11" s="367" t="s">
        <v>545</v>
      </c>
      <c r="H11" s="372"/>
      <c r="I11" s="372"/>
      <c r="J11" s="372"/>
      <c r="K11" s="372"/>
      <c r="L11" s="372"/>
      <c r="M11" s="372"/>
      <c r="N11" s="372"/>
      <c r="O11" s="372"/>
      <c r="P11" s="372"/>
      <c r="Q11" s="372"/>
      <c r="R11" s="372"/>
      <c r="S11" s="372"/>
      <c r="T11" s="372"/>
      <c r="U11" s="372"/>
      <c r="V11" s="372"/>
      <c r="W11" s="372"/>
      <c r="X11" s="372"/>
      <c r="Y11" s="454"/>
    </row>
    <row r="12" spans="2:25" ht="20.100000000000001" customHeight="1" x14ac:dyDescent="0.15">
      <c r="B12" s="75"/>
      <c r="C12" s="75"/>
      <c r="D12" s="75"/>
      <c r="E12" s="75"/>
      <c r="F12" s="75"/>
      <c r="G12" s="75"/>
      <c r="I12" s="73"/>
      <c r="J12" s="73"/>
      <c r="K12" s="73"/>
      <c r="L12" s="73"/>
      <c r="M12" s="73"/>
      <c r="N12" s="73"/>
      <c r="O12" s="73"/>
      <c r="P12" s="73"/>
      <c r="Q12" s="73"/>
      <c r="R12" s="73"/>
      <c r="S12" s="73"/>
      <c r="T12" s="73"/>
      <c r="U12" s="73"/>
      <c r="V12" s="73"/>
      <c r="W12" s="73"/>
      <c r="X12" s="73"/>
      <c r="Y12" s="73"/>
    </row>
    <row r="14" spans="2:25" x14ac:dyDescent="0.15">
      <c r="B14" s="99"/>
      <c r="C14" s="100"/>
      <c r="D14" s="100"/>
      <c r="E14" s="100"/>
      <c r="F14" s="100"/>
      <c r="G14" s="100"/>
      <c r="H14" s="100"/>
      <c r="I14" s="100"/>
      <c r="J14" s="100"/>
      <c r="K14" s="100"/>
      <c r="L14" s="100"/>
      <c r="M14" s="100"/>
      <c r="N14" s="100"/>
      <c r="O14" s="100"/>
      <c r="P14" s="100"/>
      <c r="Q14" s="100"/>
      <c r="R14" s="100"/>
      <c r="S14" s="100"/>
      <c r="T14" s="100"/>
      <c r="U14" s="100"/>
      <c r="V14" s="100"/>
      <c r="W14" s="100"/>
      <c r="X14" s="100"/>
      <c r="Y14" s="101"/>
    </row>
    <row r="15" spans="2:25" x14ac:dyDescent="0.15">
      <c r="B15" s="3" t="s">
        <v>546</v>
      </c>
      <c r="Y15" s="80"/>
    </row>
    <row r="16" spans="2:25" x14ac:dyDescent="0.15">
      <c r="B16" s="3"/>
      <c r="Y16" s="80"/>
    </row>
    <row r="17" spans="2:28" x14ac:dyDescent="0.15">
      <c r="B17" s="3"/>
      <c r="C17" s="79" t="s">
        <v>547</v>
      </c>
      <c r="K17" s="4"/>
      <c r="L17" s="4"/>
      <c r="Y17" s="80"/>
    </row>
    <row r="18" spans="2:28" ht="6.75" customHeight="1" x14ac:dyDescent="0.15">
      <c r="B18" s="3"/>
      <c r="Y18" s="80"/>
    </row>
    <row r="19" spans="2:28" ht="17.25" customHeight="1" x14ac:dyDescent="0.15">
      <c r="B19" s="3"/>
      <c r="D19" s="410" t="s">
        <v>533</v>
      </c>
      <c r="E19" s="415"/>
      <c r="F19" s="415"/>
      <c r="G19" s="415"/>
      <c r="H19" s="415"/>
      <c r="I19" s="415"/>
      <c r="J19" s="415"/>
      <c r="K19" s="415"/>
      <c r="L19" s="415"/>
      <c r="M19" s="453"/>
      <c r="N19" s="410" t="s">
        <v>533</v>
      </c>
      <c r="O19" s="415"/>
      <c r="P19" s="415"/>
      <c r="Q19" s="415"/>
      <c r="R19" s="415"/>
      <c r="S19" s="415"/>
      <c r="T19" s="415"/>
      <c r="U19" s="415"/>
      <c r="V19" s="415"/>
      <c r="W19" s="415"/>
      <c r="X19" s="453"/>
      <c r="Y19" s="80"/>
    </row>
    <row r="20" spans="2:28" ht="26.25" customHeight="1" x14ac:dyDescent="0.15">
      <c r="B20" s="3"/>
      <c r="D20" s="410"/>
      <c r="E20" s="415"/>
      <c r="F20" s="415"/>
      <c r="G20" s="415"/>
      <c r="H20" s="415"/>
      <c r="I20" s="415"/>
      <c r="J20" s="415"/>
      <c r="K20" s="415"/>
      <c r="L20" s="415"/>
      <c r="M20" s="453"/>
      <c r="N20" s="410"/>
      <c r="O20" s="415"/>
      <c r="P20" s="415"/>
      <c r="Q20" s="415"/>
      <c r="R20" s="415"/>
      <c r="S20" s="415"/>
      <c r="T20" s="415"/>
      <c r="U20" s="415"/>
      <c r="V20" s="415"/>
      <c r="W20" s="415"/>
      <c r="X20" s="453"/>
      <c r="Y20" s="80"/>
    </row>
    <row r="21" spans="2:28" x14ac:dyDescent="0.15">
      <c r="B21" s="3"/>
      <c r="M21" s="75"/>
      <c r="R21" s="75"/>
      <c r="X21" s="75"/>
      <c r="Y21" s="80"/>
      <c r="Z21"/>
      <c r="AA21"/>
      <c r="AB21"/>
    </row>
    <row r="22" spans="2:28" x14ac:dyDescent="0.15">
      <c r="B22" s="102"/>
      <c r="C22" s="103"/>
      <c r="D22" s="103"/>
      <c r="E22" s="103"/>
      <c r="F22" s="103"/>
      <c r="G22" s="103"/>
      <c r="H22" s="103"/>
      <c r="I22" s="103"/>
      <c r="J22" s="103"/>
      <c r="K22" s="103"/>
      <c r="L22" s="103"/>
      <c r="M22" s="103"/>
      <c r="N22" s="103"/>
      <c r="O22" s="103"/>
      <c r="P22" s="103"/>
      <c r="Q22" s="103"/>
      <c r="R22" s="103"/>
      <c r="S22" s="103"/>
      <c r="T22" s="103"/>
      <c r="U22" s="103"/>
      <c r="V22" s="103"/>
      <c r="W22" s="103"/>
      <c r="X22" s="103"/>
      <c r="Y22" s="104"/>
      <c r="Z22"/>
      <c r="AA22"/>
      <c r="AB22"/>
    </row>
    <row r="23" spans="2:28" x14ac:dyDescent="0.15">
      <c r="Z23"/>
      <c r="AA23"/>
      <c r="AB23"/>
    </row>
    <row r="25" spans="2:28" x14ac:dyDescent="0.15">
      <c r="B25" s="79" t="s">
        <v>548</v>
      </c>
    </row>
    <row r="26" spans="2:28" x14ac:dyDescent="0.15">
      <c r="B26" s="79" t="s">
        <v>538</v>
      </c>
      <c r="D26" s="79" t="s">
        <v>549</v>
      </c>
      <c r="K26"/>
      <c r="L26"/>
      <c r="M26"/>
      <c r="N26"/>
      <c r="O26"/>
      <c r="P26"/>
      <c r="Q26"/>
      <c r="R26"/>
      <c r="S26"/>
      <c r="T26"/>
      <c r="U26"/>
      <c r="V26"/>
      <c r="W26"/>
      <c r="X26"/>
      <c r="Y26"/>
      <c r="Z26"/>
      <c r="AA26"/>
      <c r="AB26"/>
    </row>
    <row r="38" spans="3:32" x14ac:dyDescent="0.15">
      <c r="C38" s="103"/>
      <c r="D38" s="103"/>
      <c r="E38" s="103"/>
      <c r="F38" s="103"/>
      <c r="G38" s="103"/>
      <c r="H38" s="103"/>
      <c r="I38" s="103"/>
      <c r="J38" s="103"/>
      <c r="K38" s="103"/>
      <c r="L38" s="103"/>
      <c r="M38" s="103"/>
      <c r="N38" s="103"/>
      <c r="O38" s="103"/>
      <c r="P38" s="103"/>
      <c r="Q38" s="103"/>
      <c r="R38" s="103"/>
      <c r="S38" s="103"/>
      <c r="T38" s="103"/>
      <c r="U38" s="103"/>
      <c r="V38" s="103"/>
      <c r="W38" s="103"/>
      <c r="X38" s="103"/>
      <c r="Y38" s="103"/>
      <c r="Z38" s="103"/>
      <c r="AA38" s="103"/>
      <c r="AB38" s="103"/>
      <c r="AC38" s="103"/>
      <c r="AD38" s="103"/>
      <c r="AE38" s="103"/>
      <c r="AF38" s="103"/>
    </row>
    <row r="39" spans="3:32" x14ac:dyDescent="0.15">
      <c r="C39" s="100"/>
    </row>
    <row r="122" spans="3:7" x14ac:dyDescent="0.15">
      <c r="C122" s="103"/>
      <c r="D122" s="103"/>
      <c r="E122" s="103"/>
      <c r="F122" s="103"/>
      <c r="G122" s="103"/>
    </row>
    <row r="123" spans="3:7" x14ac:dyDescent="0.15">
      <c r="C123" s="100"/>
    </row>
  </sheetData>
  <mergeCells count="11">
    <mergeCell ref="D19:M19"/>
    <mergeCell ref="N19:X19"/>
    <mergeCell ref="D20:M20"/>
    <mergeCell ref="N20:X20"/>
    <mergeCell ref="B4:Y4"/>
    <mergeCell ref="B6:F6"/>
    <mergeCell ref="G6:Y6"/>
    <mergeCell ref="B7:F7"/>
    <mergeCell ref="B8:F10"/>
    <mergeCell ref="B11:F11"/>
    <mergeCell ref="G11:Y11"/>
  </mergeCells>
  <phoneticPr fontId="3"/>
  <dataValidations count="1">
    <dataValidation type="list" allowBlank="1" showInputMessage="1" showErrorMessage="1" sqref="L7 Q7 G7:G10 G12">
      <formula1>"□,■"</formula1>
    </dataValidation>
  </dataValidations>
  <pageMargins left="0.7" right="0.7" top="0.75" bottom="0.75" header="0.3" footer="0.3"/>
  <pageSetup paperSize="9" scale="92"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8"/>
  <sheetViews>
    <sheetView view="pageBreakPreview" zoomScale="60" zoomScaleNormal="100" workbookViewId="0">
      <selection activeCell="F61" sqref="F61"/>
    </sheetView>
  </sheetViews>
  <sheetFormatPr defaultColWidth="3.5" defaultRowHeight="13.5" x14ac:dyDescent="0.15"/>
  <cols>
    <col min="1" max="1" width="3.5" style="7"/>
    <col min="2" max="2" width="3" style="109" customWidth="1"/>
    <col min="3" max="7" width="3.5" style="7"/>
    <col min="8" max="8" width="2.5" style="7" customWidth="1"/>
    <col min="9" max="16384" width="3.5" style="7"/>
  </cols>
  <sheetData>
    <row r="1" spans="2:27" s="32" customFormat="1" x14ac:dyDescent="0.15"/>
    <row r="2" spans="2:27" s="32" customFormat="1" x14ac:dyDescent="0.15">
      <c r="B2" s="32" t="s">
        <v>160</v>
      </c>
      <c r="AA2" s="12" t="s">
        <v>161</v>
      </c>
    </row>
    <row r="3" spans="2:27" s="32" customFormat="1" ht="8.25" customHeight="1" x14ac:dyDescent="0.15"/>
    <row r="4" spans="2:27" s="32" customFormat="1" x14ac:dyDescent="0.15">
      <c r="B4" s="371" t="s">
        <v>162</v>
      </c>
      <c r="C4" s="371"/>
      <c r="D4" s="371"/>
      <c r="E4" s="371"/>
      <c r="F4" s="371"/>
      <c r="G4" s="371"/>
      <c r="H4" s="371"/>
      <c r="I4" s="371"/>
      <c r="J4" s="371"/>
      <c r="K4" s="371"/>
      <c r="L4" s="371"/>
      <c r="M4" s="371"/>
      <c r="N4" s="371"/>
      <c r="O4" s="371"/>
      <c r="P4" s="371"/>
      <c r="Q4" s="371"/>
      <c r="R4" s="371"/>
      <c r="S4" s="371"/>
      <c r="T4" s="371"/>
      <c r="U4" s="371"/>
      <c r="V4" s="371"/>
      <c r="W4" s="371"/>
      <c r="X4" s="371"/>
      <c r="Y4" s="371"/>
      <c r="Z4" s="371"/>
      <c r="AA4" s="371"/>
    </row>
    <row r="5" spans="2:27" s="32" customFormat="1" ht="6.75" customHeight="1" x14ac:dyDescent="0.15"/>
    <row r="6" spans="2:27" s="32" customFormat="1" ht="18.600000000000001" customHeight="1" x14ac:dyDescent="0.15">
      <c r="B6" s="409" t="s">
        <v>87</v>
      </c>
      <c r="C6" s="409"/>
      <c r="D6" s="409"/>
      <c r="E6" s="409"/>
      <c r="F6" s="409"/>
      <c r="G6" s="410"/>
      <c r="H6" s="415"/>
      <c r="I6" s="415"/>
      <c r="J6" s="415"/>
      <c r="K6" s="415"/>
      <c r="L6" s="415"/>
      <c r="M6" s="415"/>
      <c r="N6" s="415"/>
      <c r="O6" s="415"/>
      <c r="P6" s="415"/>
      <c r="Q6" s="415"/>
      <c r="R6" s="415"/>
      <c r="S6" s="415"/>
      <c r="T6" s="415"/>
      <c r="U6" s="415"/>
      <c r="V6" s="415"/>
      <c r="W6" s="415"/>
      <c r="X6" s="415"/>
      <c r="Y6" s="415"/>
      <c r="Z6" s="415"/>
      <c r="AA6" s="453"/>
    </row>
    <row r="7" spans="2:27" s="32" customFormat="1" ht="19.5" customHeight="1" x14ac:dyDescent="0.15">
      <c r="B7" s="409" t="s">
        <v>26</v>
      </c>
      <c r="C7" s="409"/>
      <c r="D7" s="409"/>
      <c r="E7" s="409"/>
      <c r="F7" s="409"/>
      <c r="G7" s="410"/>
      <c r="H7" s="415"/>
      <c r="I7" s="415"/>
      <c r="J7" s="415"/>
      <c r="K7" s="415"/>
      <c r="L7" s="415"/>
      <c r="M7" s="415"/>
      <c r="N7" s="415"/>
      <c r="O7" s="415"/>
      <c r="P7" s="415"/>
      <c r="Q7" s="415"/>
      <c r="R7" s="415"/>
      <c r="S7" s="415"/>
      <c r="T7" s="415"/>
      <c r="U7" s="415"/>
      <c r="V7" s="415"/>
      <c r="W7" s="415"/>
      <c r="X7" s="415"/>
      <c r="Y7" s="415"/>
      <c r="Z7" s="415"/>
      <c r="AA7" s="453"/>
    </row>
    <row r="8" spans="2:27" s="32" customFormat="1" ht="19.5" customHeight="1" x14ac:dyDescent="0.15">
      <c r="B8" s="410" t="s">
        <v>163</v>
      </c>
      <c r="C8" s="415"/>
      <c r="D8" s="415"/>
      <c r="E8" s="415"/>
      <c r="F8" s="453"/>
      <c r="G8" s="373" t="s">
        <v>164</v>
      </c>
      <c r="H8" s="374"/>
      <c r="I8" s="374"/>
      <c r="J8" s="374"/>
      <c r="K8" s="374"/>
      <c r="L8" s="374"/>
      <c r="M8" s="374"/>
      <c r="N8" s="374"/>
      <c r="O8" s="374"/>
      <c r="P8" s="374"/>
      <c r="Q8" s="374"/>
      <c r="R8" s="374"/>
      <c r="S8" s="374"/>
      <c r="T8" s="374"/>
      <c r="U8" s="374"/>
      <c r="V8" s="374"/>
      <c r="W8" s="374"/>
      <c r="X8" s="374"/>
      <c r="Y8" s="374"/>
      <c r="Z8" s="374"/>
      <c r="AA8" s="375"/>
    </row>
    <row r="9" spans="2:27" ht="20.100000000000001" customHeight="1" x14ac:dyDescent="0.15">
      <c r="B9" s="455" t="s">
        <v>165</v>
      </c>
      <c r="C9" s="456"/>
      <c r="D9" s="456"/>
      <c r="E9" s="456"/>
      <c r="F9" s="456"/>
      <c r="G9" s="462" t="s">
        <v>166</v>
      </c>
      <c r="H9" s="462"/>
      <c r="I9" s="462"/>
      <c r="J9" s="462"/>
      <c r="K9" s="462"/>
      <c r="L9" s="462"/>
      <c r="M9" s="462"/>
      <c r="N9" s="462" t="s">
        <v>167</v>
      </c>
      <c r="O9" s="462"/>
      <c r="P9" s="462"/>
      <c r="Q9" s="462"/>
      <c r="R9" s="462"/>
      <c r="S9" s="462"/>
      <c r="T9" s="462"/>
      <c r="U9" s="462" t="s">
        <v>168</v>
      </c>
      <c r="V9" s="462"/>
      <c r="W9" s="462"/>
      <c r="X9" s="462"/>
      <c r="Y9" s="462"/>
      <c r="Z9" s="462"/>
      <c r="AA9" s="462"/>
    </row>
    <row r="10" spans="2:27" ht="20.100000000000001" customHeight="1" x14ac:dyDescent="0.15">
      <c r="B10" s="458"/>
      <c r="C10" s="371"/>
      <c r="D10" s="371"/>
      <c r="E10" s="371"/>
      <c r="F10" s="371"/>
      <c r="G10" s="462" t="s">
        <v>169</v>
      </c>
      <c r="H10" s="462"/>
      <c r="I10" s="462"/>
      <c r="J10" s="462"/>
      <c r="K10" s="462"/>
      <c r="L10" s="462"/>
      <c r="M10" s="462"/>
      <c r="N10" s="462" t="s">
        <v>170</v>
      </c>
      <c r="O10" s="462"/>
      <c r="P10" s="462"/>
      <c r="Q10" s="462"/>
      <c r="R10" s="462"/>
      <c r="S10" s="462"/>
      <c r="T10" s="462"/>
      <c r="U10" s="462" t="s">
        <v>171</v>
      </c>
      <c r="V10" s="462"/>
      <c r="W10" s="462"/>
      <c r="X10" s="462"/>
      <c r="Y10" s="462"/>
      <c r="Z10" s="462"/>
      <c r="AA10" s="462"/>
    </row>
    <row r="11" spans="2:27" ht="20.100000000000001" customHeight="1" x14ac:dyDescent="0.15">
      <c r="B11" s="458"/>
      <c r="C11" s="371"/>
      <c r="D11" s="371"/>
      <c r="E11" s="371"/>
      <c r="F11" s="371"/>
      <c r="G11" s="462" t="s">
        <v>172</v>
      </c>
      <c r="H11" s="462"/>
      <c r="I11" s="462"/>
      <c r="J11" s="462"/>
      <c r="K11" s="462"/>
      <c r="L11" s="462"/>
      <c r="M11" s="462"/>
      <c r="N11" s="462" t="s">
        <v>173</v>
      </c>
      <c r="O11" s="462"/>
      <c r="P11" s="462"/>
      <c r="Q11" s="462"/>
      <c r="R11" s="462"/>
      <c r="S11" s="462"/>
      <c r="T11" s="462"/>
      <c r="U11" s="462" t="s">
        <v>174</v>
      </c>
      <c r="V11" s="462"/>
      <c r="W11" s="462"/>
      <c r="X11" s="462"/>
      <c r="Y11" s="462"/>
      <c r="Z11" s="462"/>
      <c r="AA11" s="462"/>
    </row>
    <row r="12" spans="2:27" ht="20.100000000000001" customHeight="1" x14ac:dyDescent="0.15">
      <c r="B12" s="458"/>
      <c r="C12" s="371"/>
      <c r="D12" s="371"/>
      <c r="E12" s="371"/>
      <c r="F12" s="371"/>
      <c r="G12" s="462" t="s">
        <v>175</v>
      </c>
      <c r="H12" s="462"/>
      <c r="I12" s="462"/>
      <c r="J12" s="462"/>
      <c r="K12" s="462"/>
      <c r="L12" s="462"/>
      <c r="M12" s="462"/>
      <c r="N12" s="462" t="s">
        <v>176</v>
      </c>
      <c r="O12" s="462"/>
      <c r="P12" s="462"/>
      <c r="Q12" s="462"/>
      <c r="R12" s="462"/>
      <c r="S12" s="462"/>
      <c r="T12" s="462"/>
      <c r="U12" s="463" t="s">
        <v>177</v>
      </c>
      <c r="V12" s="463"/>
      <c r="W12" s="463"/>
      <c r="X12" s="463"/>
      <c r="Y12" s="463"/>
      <c r="Z12" s="463"/>
      <c r="AA12" s="463"/>
    </row>
    <row r="13" spans="2:27" ht="20.100000000000001" customHeight="1" x14ac:dyDescent="0.15">
      <c r="B13" s="458"/>
      <c r="C13" s="371"/>
      <c r="D13" s="371"/>
      <c r="E13" s="371"/>
      <c r="F13" s="371"/>
      <c r="G13" s="462" t="s">
        <v>178</v>
      </c>
      <c r="H13" s="462"/>
      <c r="I13" s="462"/>
      <c r="J13" s="462"/>
      <c r="K13" s="462"/>
      <c r="L13" s="462"/>
      <c r="M13" s="462"/>
      <c r="N13" s="462" t="s">
        <v>179</v>
      </c>
      <c r="O13" s="462"/>
      <c r="P13" s="462"/>
      <c r="Q13" s="462"/>
      <c r="R13" s="462"/>
      <c r="S13" s="462"/>
      <c r="T13" s="462"/>
      <c r="U13" s="463" t="s">
        <v>180</v>
      </c>
      <c r="V13" s="463"/>
      <c r="W13" s="463"/>
      <c r="X13" s="463"/>
      <c r="Y13" s="463"/>
      <c r="Z13" s="463"/>
      <c r="AA13" s="463"/>
    </row>
    <row r="14" spans="2:27" ht="20.100000000000001" customHeight="1" x14ac:dyDescent="0.15">
      <c r="B14" s="416"/>
      <c r="C14" s="417"/>
      <c r="D14" s="417"/>
      <c r="E14" s="417"/>
      <c r="F14" s="417"/>
      <c r="G14" s="462" t="s">
        <v>181</v>
      </c>
      <c r="H14" s="462"/>
      <c r="I14" s="462"/>
      <c r="J14" s="462"/>
      <c r="K14" s="462"/>
      <c r="L14" s="462"/>
      <c r="M14" s="462"/>
      <c r="N14" s="462"/>
      <c r="O14" s="462"/>
      <c r="P14" s="462"/>
      <c r="Q14" s="462"/>
      <c r="R14" s="462"/>
      <c r="S14" s="462"/>
      <c r="T14" s="462"/>
      <c r="U14" s="463"/>
      <c r="V14" s="463"/>
      <c r="W14" s="463"/>
      <c r="X14" s="463"/>
      <c r="Y14" s="463"/>
      <c r="Z14" s="463"/>
      <c r="AA14" s="463"/>
    </row>
    <row r="15" spans="2:27" ht="20.25" customHeight="1" x14ac:dyDescent="0.15">
      <c r="B15" s="410" t="s">
        <v>182</v>
      </c>
      <c r="C15" s="415"/>
      <c r="D15" s="415"/>
      <c r="E15" s="415"/>
      <c r="F15" s="453"/>
      <c r="G15" s="376" t="s">
        <v>183</v>
      </c>
      <c r="H15" s="377"/>
      <c r="I15" s="377"/>
      <c r="J15" s="377"/>
      <c r="K15" s="377"/>
      <c r="L15" s="377"/>
      <c r="M15" s="377"/>
      <c r="N15" s="377"/>
      <c r="O15" s="377"/>
      <c r="P15" s="377"/>
      <c r="Q15" s="377"/>
      <c r="R15" s="377"/>
      <c r="S15" s="377"/>
      <c r="T15" s="377"/>
      <c r="U15" s="377"/>
      <c r="V15" s="377"/>
      <c r="W15" s="377"/>
      <c r="X15" s="377"/>
      <c r="Y15" s="377"/>
      <c r="Z15" s="377"/>
      <c r="AA15" s="378"/>
    </row>
    <row r="16" spans="2:27" s="32" customFormat="1" ht="9" customHeight="1" x14ac:dyDescent="0.15"/>
    <row r="17" spans="2:27" s="32" customFormat="1" ht="17.25" customHeight="1" x14ac:dyDescent="0.15">
      <c r="B17" s="32" t="s">
        <v>184</v>
      </c>
    </row>
    <row r="18" spans="2:27" s="32" customFormat="1" ht="6" customHeight="1" x14ac:dyDescent="0.15">
      <c r="B18" s="28"/>
      <c r="C18" s="29"/>
      <c r="D18" s="29"/>
      <c r="E18" s="29"/>
      <c r="F18" s="29"/>
      <c r="G18" s="29"/>
      <c r="H18" s="29"/>
      <c r="I18" s="29"/>
      <c r="J18" s="29"/>
      <c r="K18" s="29"/>
      <c r="L18" s="29"/>
      <c r="M18" s="29"/>
      <c r="N18" s="29"/>
      <c r="O18" s="29"/>
      <c r="P18" s="29"/>
      <c r="Q18" s="29"/>
      <c r="R18" s="29"/>
      <c r="S18" s="29"/>
      <c r="T18" s="29"/>
      <c r="U18" s="29"/>
      <c r="V18" s="29"/>
      <c r="W18" s="29"/>
      <c r="X18" s="29"/>
      <c r="Y18" s="29"/>
      <c r="Z18" s="29"/>
      <c r="AA18" s="30"/>
    </row>
    <row r="19" spans="2:27" s="32" customFormat="1" ht="19.5" customHeight="1" x14ac:dyDescent="0.15">
      <c r="B19" s="3"/>
      <c r="C19" s="32" t="s">
        <v>185</v>
      </c>
      <c r="D19" s="13"/>
      <c r="E19" s="13"/>
      <c r="F19" s="13"/>
      <c r="G19" s="13"/>
      <c r="H19" s="13"/>
      <c r="I19" s="13"/>
      <c r="J19" s="13"/>
      <c r="K19" s="13"/>
      <c r="L19" s="13"/>
      <c r="M19" s="13"/>
      <c r="N19" s="13"/>
      <c r="O19" s="13"/>
      <c r="Y19" s="461" t="s">
        <v>186</v>
      </c>
      <c r="Z19" s="461"/>
      <c r="AA19" s="33"/>
    </row>
    <row r="20" spans="2:27" s="32" customFormat="1" x14ac:dyDescent="0.15">
      <c r="B20" s="3"/>
      <c r="D20" s="13"/>
      <c r="E20" s="13"/>
      <c r="F20" s="13"/>
      <c r="G20" s="13"/>
      <c r="H20" s="13"/>
      <c r="I20" s="13"/>
      <c r="J20" s="13"/>
      <c r="K20" s="13"/>
      <c r="L20" s="13"/>
      <c r="M20" s="13"/>
      <c r="N20" s="13"/>
      <c r="O20" s="13"/>
      <c r="Y20" s="40"/>
      <c r="Z20" s="40"/>
      <c r="AA20" s="33"/>
    </row>
    <row r="21" spans="2:27" s="32" customFormat="1" x14ac:dyDescent="0.15">
      <c r="B21" s="3"/>
      <c r="C21" s="32" t="s">
        <v>187</v>
      </c>
      <c r="D21" s="13"/>
      <c r="E21" s="13"/>
      <c r="F21" s="13"/>
      <c r="G21" s="13"/>
      <c r="H21" s="13"/>
      <c r="I21" s="13"/>
      <c r="J21" s="13"/>
      <c r="K21" s="13"/>
      <c r="L21" s="13"/>
      <c r="M21" s="13"/>
      <c r="N21" s="13"/>
      <c r="O21" s="13"/>
      <c r="Y21" s="40"/>
      <c r="Z21" s="40"/>
      <c r="AA21" s="33"/>
    </row>
    <row r="22" spans="2:27" s="32" customFormat="1" ht="19.5" customHeight="1" x14ac:dyDescent="0.15">
      <c r="B22" s="3"/>
      <c r="C22" s="32" t="s">
        <v>188</v>
      </c>
      <c r="D22" s="13"/>
      <c r="E22" s="13"/>
      <c r="F22" s="13"/>
      <c r="G22" s="13"/>
      <c r="H22" s="13"/>
      <c r="I22" s="13"/>
      <c r="J22" s="13"/>
      <c r="K22" s="13"/>
      <c r="L22" s="13"/>
      <c r="M22" s="13"/>
      <c r="N22" s="13"/>
      <c r="O22" s="13"/>
      <c r="Y22" s="461" t="s">
        <v>186</v>
      </c>
      <c r="Z22" s="461"/>
      <c r="AA22" s="33"/>
    </row>
    <row r="23" spans="2:27" s="32" customFormat="1" ht="19.5" customHeight="1" x14ac:dyDescent="0.15">
      <c r="B23" s="3"/>
      <c r="C23" s="32" t="s">
        <v>189</v>
      </c>
      <c r="D23" s="13"/>
      <c r="E23" s="13"/>
      <c r="F23" s="13"/>
      <c r="G23" s="13"/>
      <c r="H23" s="13"/>
      <c r="I23" s="13"/>
      <c r="J23" s="13"/>
      <c r="K23" s="13"/>
      <c r="L23" s="13"/>
      <c r="M23" s="13"/>
      <c r="N23" s="13"/>
      <c r="O23" s="13"/>
      <c r="Y23" s="461" t="s">
        <v>186</v>
      </c>
      <c r="Z23" s="461"/>
      <c r="AA23" s="33"/>
    </row>
    <row r="24" spans="2:27" s="32" customFormat="1" ht="19.5" customHeight="1" x14ac:dyDescent="0.15">
      <c r="B24" s="3"/>
      <c r="C24" s="32" t="s">
        <v>190</v>
      </c>
      <c r="D24" s="13"/>
      <c r="E24" s="13"/>
      <c r="F24" s="13"/>
      <c r="G24" s="13"/>
      <c r="H24" s="13"/>
      <c r="I24" s="13"/>
      <c r="J24" s="13"/>
      <c r="K24" s="13"/>
      <c r="L24" s="13"/>
      <c r="M24" s="13"/>
      <c r="N24" s="13"/>
      <c r="O24" s="13"/>
      <c r="Y24" s="461" t="s">
        <v>186</v>
      </c>
      <c r="Z24" s="461"/>
      <c r="AA24" s="33"/>
    </row>
    <row r="25" spans="2:27" s="32" customFormat="1" ht="19.5" customHeight="1" x14ac:dyDescent="0.15">
      <c r="B25" s="3"/>
      <c r="D25" s="465" t="s">
        <v>191</v>
      </c>
      <c r="E25" s="465"/>
      <c r="F25" s="465"/>
      <c r="G25" s="465"/>
      <c r="H25" s="465"/>
      <c r="I25" s="465"/>
      <c r="J25" s="465"/>
      <c r="K25" s="13"/>
      <c r="L25" s="13"/>
      <c r="M25" s="13"/>
      <c r="N25" s="13"/>
      <c r="O25" s="13"/>
      <c r="Y25" s="40"/>
      <c r="Z25" s="40"/>
      <c r="AA25" s="33"/>
    </row>
    <row r="26" spans="2:27" s="32" customFormat="1" ht="24.95" customHeight="1" x14ac:dyDescent="0.15">
      <c r="B26" s="3"/>
      <c r="C26" s="32" t="s">
        <v>192</v>
      </c>
      <c r="AA26" s="33"/>
    </row>
    <row r="27" spans="2:27" s="32" customFormat="1" ht="6.75" customHeight="1" x14ac:dyDescent="0.15">
      <c r="B27" s="3"/>
      <c r="AA27" s="33"/>
    </row>
    <row r="28" spans="2:27" s="32" customFormat="1" ht="23.25" customHeight="1" x14ac:dyDescent="0.15">
      <c r="B28" s="3" t="s">
        <v>193</v>
      </c>
      <c r="C28" s="410" t="s">
        <v>194</v>
      </c>
      <c r="D28" s="415"/>
      <c r="E28" s="415"/>
      <c r="F28" s="415"/>
      <c r="G28" s="415"/>
      <c r="H28" s="453"/>
      <c r="I28" s="466"/>
      <c r="J28" s="466"/>
      <c r="K28" s="466"/>
      <c r="L28" s="466"/>
      <c r="M28" s="466"/>
      <c r="N28" s="466"/>
      <c r="O28" s="466"/>
      <c r="P28" s="466"/>
      <c r="Q28" s="466"/>
      <c r="R28" s="466"/>
      <c r="S28" s="466"/>
      <c r="T28" s="466"/>
      <c r="U28" s="466"/>
      <c r="V28" s="466"/>
      <c r="W28" s="466"/>
      <c r="X28" s="466"/>
      <c r="Y28" s="466"/>
      <c r="Z28" s="467"/>
      <c r="AA28" s="33"/>
    </row>
    <row r="29" spans="2:27" s="32" customFormat="1" ht="23.25" customHeight="1" x14ac:dyDescent="0.15">
      <c r="B29" s="3" t="s">
        <v>193</v>
      </c>
      <c r="C29" s="410" t="s">
        <v>195</v>
      </c>
      <c r="D29" s="415"/>
      <c r="E29" s="415"/>
      <c r="F29" s="415"/>
      <c r="G29" s="415"/>
      <c r="H29" s="453"/>
      <c r="I29" s="466"/>
      <c r="J29" s="466"/>
      <c r="K29" s="466"/>
      <c r="L29" s="466"/>
      <c r="M29" s="466"/>
      <c r="N29" s="466"/>
      <c r="O29" s="466"/>
      <c r="P29" s="466"/>
      <c r="Q29" s="466"/>
      <c r="R29" s="466"/>
      <c r="S29" s="466"/>
      <c r="T29" s="466"/>
      <c r="U29" s="466"/>
      <c r="V29" s="466"/>
      <c r="W29" s="466"/>
      <c r="X29" s="466"/>
      <c r="Y29" s="466"/>
      <c r="Z29" s="467"/>
      <c r="AA29" s="33"/>
    </row>
    <row r="30" spans="2:27" s="32" customFormat="1" ht="23.25" customHeight="1" x14ac:dyDescent="0.15">
      <c r="B30" s="3" t="s">
        <v>193</v>
      </c>
      <c r="C30" s="410" t="s">
        <v>196</v>
      </c>
      <c r="D30" s="415"/>
      <c r="E30" s="415"/>
      <c r="F30" s="415"/>
      <c r="G30" s="415"/>
      <c r="H30" s="453"/>
      <c r="I30" s="466"/>
      <c r="J30" s="466"/>
      <c r="K30" s="466"/>
      <c r="L30" s="466"/>
      <c r="M30" s="466"/>
      <c r="N30" s="466"/>
      <c r="O30" s="466"/>
      <c r="P30" s="466"/>
      <c r="Q30" s="466"/>
      <c r="R30" s="466"/>
      <c r="S30" s="466"/>
      <c r="T30" s="466"/>
      <c r="U30" s="466"/>
      <c r="V30" s="466"/>
      <c r="W30" s="466"/>
      <c r="X30" s="466"/>
      <c r="Y30" s="466"/>
      <c r="Z30" s="467"/>
      <c r="AA30" s="33"/>
    </row>
    <row r="31" spans="2:27" s="32" customFormat="1" ht="9" customHeight="1" x14ac:dyDescent="0.15">
      <c r="B31" s="3"/>
      <c r="C31" s="13"/>
      <c r="D31" s="13"/>
      <c r="E31" s="13"/>
      <c r="F31" s="13"/>
      <c r="G31" s="13"/>
      <c r="H31" s="13"/>
      <c r="I31" s="4"/>
      <c r="J31" s="4"/>
      <c r="K31" s="4"/>
      <c r="L31" s="4"/>
      <c r="M31" s="4"/>
      <c r="N31" s="4"/>
      <c r="O31" s="4"/>
      <c r="P31" s="4"/>
      <c r="Q31" s="4"/>
      <c r="R31" s="4"/>
      <c r="S31" s="4"/>
      <c r="T31" s="4"/>
      <c r="U31" s="4"/>
      <c r="V31" s="4"/>
      <c r="W31" s="4"/>
      <c r="X31" s="4"/>
      <c r="Y31" s="4"/>
      <c r="Z31" s="4"/>
      <c r="AA31" s="33"/>
    </row>
    <row r="32" spans="2:27" s="32" customFormat="1" ht="19.5" customHeight="1" x14ac:dyDescent="0.15">
      <c r="B32" s="3"/>
      <c r="C32" s="32" t="s">
        <v>197</v>
      </c>
      <c r="D32" s="13"/>
      <c r="E32" s="13"/>
      <c r="F32" s="13"/>
      <c r="G32" s="13"/>
      <c r="H32" s="13"/>
      <c r="I32" s="13"/>
      <c r="J32" s="13"/>
      <c r="K32" s="13"/>
      <c r="L32" s="13"/>
      <c r="M32" s="13"/>
      <c r="N32" s="13"/>
      <c r="O32" s="13"/>
      <c r="Y32" s="461" t="s">
        <v>186</v>
      </c>
      <c r="Z32" s="461"/>
      <c r="AA32" s="33"/>
    </row>
    <row r="33" spans="1:37" s="32" customFormat="1" ht="12.75" customHeight="1" x14ac:dyDescent="0.15">
      <c r="B33" s="3"/>
      <c r="D33" s="13"/>
      <c r="E33" s="13"/>
      <c r="F33" s="13"/>
      <c r="G33" s="13"/>
      <c r="H33" s="13"/>
      <c r="I33" s="13"/>
      <c r="J33" s="13"/>
      <c r="K33" s="13"/>
      <c r="L33" s="13"/>
      <c r="M33" s="13"/>
      <c r="N33" s="13"/>
      <c r="O33" s="13"/>
      <c r="Y33" s="40"/>
      <c r="Z33" s="40"/>
      <c r="AA33" s="33"/>
    </row>
    <row r="34" spans="1:37" s="32" customFormat="1" ht="19.5" customHeight="1" x14ac:dyDescent="0.15">
      <c r="B34" s="3"/>
      <c r="C34" s="464" t="s">
        <v>198</v>
      </c>
      <c r="D34" s="464"/>
      <c r="E34" s="464"/>
      <c r="F34" s="464"/>
      <c r="G34" s="464"/>
      <c r="H34" s="464"/>
      <c r="I34" s="464"/>
      <c r="J34" s="464"/>
      <c r="K34" s="464"/>
      <c r="L34" s="464"/>
      <c r="M34" s="464"/>
      <c r="N34" s="464"/>
      <c r="O34" s="464"/>
      <c r="P34" s="464"/>
      <c r="Q34" s="464"/>
      <c r="R34" s="464"/>
      <c r="S34" s="464"/>
      <c r="T34" s="464"/>
      <c r="U34" s="464"/>
      <c r="V34" s="464"/>
      <c r="W34" s="464"/>
      <c r="X34" s="464"/>
      <c r="Y34" s="464"/>
      <c r="Z34" s="464"/>
      <c r="AA34" s="33"/>
    </row>
    <row r="35" spans="1:37" s="32" customFormat="1" ht="19.5" customHeight="1" x14ac:dyDescent="0.15">
      <c r="B35" s="3"/>
      <c r="C35" s="464" t="s">
        <v>199</v>
      </c>
      <c r="D35" s="464"/>
      <c r="E35" s="464"/>
      <c r="F35" s="464"/>
      <c r="G35" s="464"/>
      <c r="H35" s="464"/>
      <c r="I35" s="464"/>
      <c r="J35" s="464"/>
      <c r="K35" s="464"/>
      <c r="L35" s="464"/>
      <c r="M35" s="464"/>
      <c r="N35" s="464"/>
      <c r="O35" s="464"/>
      <c r="P35" s="464"/>
      <c r="Q35" s="464"/>
      <c r="R35" s="464"/>
      <c r="S35" s="464"/>
      <c r="T35" s="464"/>
      <c r="U35" s="464"/>
      <c r="V35" s="464"/>
      <c r="W35" s="464"/>
      <c r="X35" s="464"/>
      <c r="Y35" s="464"/>
      <c r="Z35" s="464"/>
      <c r="AA35" s="33"/>
    </row>
    <row r="36" spans="1:37" s="32" customFormat="1" ht="19.5" customHeight="1" x14ac:dyDescent="0.15">
      <c r="B36" s="3"/>
      <c r="C36" s="465" t="s">
        <v>200</v>
      </c>
      <c r="D36" s="465"/>
      <c r="E36" s="465"/>
      <c r="F36" s="465"/>
      <c r="G36" s="465"/>
      <c r="H36" s="465"/>
      <c r="I36" s="465"/>
      <c r="J36" s="465"/>
      <c r="K36" s="465"/>
      <c r="L36" s="465"/>
      <c r="M36" s="465"/>
      <c r="N36" s="465"/>
      <c r="O36" s="465"/>
      <c r="P36" s="465"/>
      <c r="Q36" s="465"/>
      <c r="R36" s="465"/>
      <c r="S36" s="465"/>
      <c r="T36" s="465"/>
      <c r="U36" s="465"/>
      <c r="V36" s="465"/>
      <c r="W36" s="465"/>
      <c r="X36" s="465"/>
      <c r="Y36" s="465"/>
      <c r="Z36" s="465"/>
      <c r="AA36" s="33"/>
    </row>
    <row r="37" spans="1:37" s="4" customFormat="1" ht="12.75" customHeight="1" x14ac:dyDescent="0.15">
      <c r="A37" s="32"/>
      <c r="B37" s="3"/>
      <c r="C37" s="13"/>
      <c r="D37" s="13"/>
      <c r="E37" s="13"/>
      <c r="F37" s="13"/>
      <c r="G37" s="13"/>
      <c r="H37" s="13"/>
      <c r="I37" s="13"/>
      <c r="J37" s="13"/>
      <c r="K37" s="13"/>
      <c r="L37" s="13"/>
      <c r="M37" s="13"/>
      <c r="N37" s="13"/>
      <c r="O37" s="13"/>
      <c r="P37" s="32"/>
      <c r="Q37" s="32"/>
      <c r="R37" s="32"/>
      <c r="S37" s="32"/>
      <c r="T37" s="32"/>
      <c r="U37" s="32"/>
      <c r="V37" s="32"/>
      <c r="W37" s="32"/>
      <c r="X37" s="32"/>
      <c r="Y37" s="32"/>
      <c r="Z37" s="32"/>
      <c r="AA37" s="33"/>
      <c r="AB37" s="32"/>
      <c r="AC37" s="32"/>
      <c r="AD37" s="32"/>
      <c r="AE37" s="32"/>
      <c r="AF37" s="32"/>
      <c r="AG37" s="32"/>
      <c r="AH37" s="32"/>
      <c r="AI37" s="32"/>
      <c r="AJ37" s="32"/>
      <c r="AK37" s="32"/>
    </row>
    <row r="38" spans="1:37" s="4" customFormat="1" ht="18" customHeight="1" x14ac:dyDescent="0.15">
      <c r="A38" s="32"/>
      <c r="B38" s="3"/>
      <c r="C38" s="32"/>
      <c r="D38" s="464" t="s">
        <v>201</v>
      </c>
      <c r="E38" s="464"/>
      <c r="F38" s="464"/>
      <c r="G38" s="464"/>
      <c r="H38" s="464"/>
      <c r="I38" s="464"/>
      <c r="J38" s="464"/>
      <c r="K38" s="464"/>
      <c r="L38" s="464"/>
      <c r="M38" s="464"/>
      <c r="N38" s="464"/>
      <c r="O38" s="464"/>
      <c r="P38" s="464"/>
      <c r="Q38" s="464"/>
      <c r="R38" s="464"/>
      <c r="S38" s="464"/>
      <c r="T38" s="464"/>
      <c r="U38" s="464"/>
      <c r="V38" s="464"/>
      <c r="W38" s="32"/>
      <c r="X38" s="32"/>
      <c r="Y38" s="461" t="s">
        <v>186</v>
      </c>
      <c r="Z38" s="461"/>
      <c r="AA38" s="33"/>
      <c r="AB38" s="32"/>
      <c r="AC38" s="32"/>
      <c r="AD38" s="32"/>
      <c r="AE38" s="32"/>
      <c r="AF38" s="32"/>
      <c r="AG38" s="32"/>
      <c r="AH38" s="32"/>
      <c r="AI38" s="32"/>
      <c r="AJ38" s="32"/>
      <c r="AK38" s="32"/>
    </row>
    <row r="39" spans="1:37" s="4" customFormat="1" ht="37.5" customHeight="1" x14ac:dyDescent="0.15">
      <c r="B39" s="38"/>
      <c r="D39" s="464" t="s">
        <v>202</v>
      </c>
      <c r="E39" s="464"/>
      <c r="F39" s="464"/>
      <c r="G39" s="464"/>
      <c r="H39" s="464"/>
      <c r="I39" s="464"/>
      <c r="J39" s="464"/>
      <c r="K39" s="464"/>
      <c r="L39" s="464"/>
      <c r="M39" s="464"/>
      <c r="N39" s="464"/>
      <c r="O39" s="464"/>
      <c r="P39" s="464"/>
      <c r="Q39" s="464"/>
      <c r="R39" s="464"/>
      <c r="S39" s="464"/>
      <c r="T39" s="464"/>
      <c r="U39" s="464"/>
      <c r="V39" s="464"/>
      <c r="Y39" s="461" t="s">
        <v>186</v>
      </c>
      <c r="Z39" s="461"/>
      <c r="AA39" s="2"/>
    </row>
    <row r="40" spans="1:37" ht="19.5" customHeight="1" x14ac:dyDescent="0.15">
      <c r="A40" s="4"/>
      <c r="B40" s="38"/>
      <c r="C40" s="4"/>
      <c r="D40" s="464" t="s">
        <v>203</v>
      </c>
      <c r="E40" s="464"/>
      <c r="F40" s="464"/>
      <c r="G40" s="464"/>
      <c r="H40" s="464"/>
      <c r="I40" s="464"/>
      <c r="J40" s="464"/>
      <c r="K40" s="464"/>
      <c r="L40" s="464"/>
      <c r="M40" s="464"/>
      <c r="N40" s="464"/>
      <c r="O40" s="464"/>
      <c r="P40" s="464"/>
      <c r="Q40" s="464"/>
      <c r="R40" s="464"/>
      <c r="S40" s="464"/>
      <c r="T40" s="464"/>
      <c r="U40" s="464"/>
      <c r="V40" s="464"/>
      <c r="W40" s="4"/>
      <c r="X40" s="4"/>
      <c r="Y40" s="461" t="s">
        <v>186</v>
      </c>
      <c r="Z40" s="461"/>
      <c r="AA40" s="2"/>
      <c r="AB40" s="4"/>
      <c r="AC40" s="4"/>
      <c r="AD40" s="4"/>
      <c r="AE40" s="4"/>
      <c r="AF40" s="4"/>
      <c r="AG40" s="4"/>
      <c r="AH40" s="4"/>
      <c r="AI40" s="4"/>
      <c r="AJ40" s="4"/>
      <c r="AK40" s="4"/>
    </row>
    <row r="41" spans="1:37" s="32" customFormat="1" ht="19.5" customHeight="1" x14ac:dyDescent="0.15">
      <c r="A41" s="4"/>
      <c r="B41" s="38"/>
      <c r="C41" s="4"/>
      <c r="D41" s="464" t="s">
        <v>204</v>
      </c>
      <c r="E41" s="464"/>
      <c r="F41" s="464"/>
      <c r="G41" s="464"/>
      <c r="H41" s="464"/>
      <c r="I41" s="464"/>
      <c r="J41" s="464"/>
      <c r="K41" s="464"/>
      <c r="L41" s="464"/>
      <c r="M41" s="464"/>
      <c r="N41" s="464"/>
      <c r="O41" s="464"/>
      <c r="P41" s="464"/>
      <c r="Q41" s="464"/>
      <c r="R41" s="464"/>
      <c r="S41" s="464"/>
      <c r="T41" s="464"/>
      <c r="U41" s="464"/>
      <c r="V41" s="464"/>
      <c r="W41" s="4"/>
      <c r="X41" s="4"/>
      <c r="Y41" s="461" t="s">
        <v>186</v>
      </c>
      <c r="Z41" s="461"/>
      <c r="AA41" s="2"/>
      <c r="AB41" s="4"/>
      <c r="AC41" s="4"/>
      <c r="AD41" s="4"/>
      <c r="AE41" s="4"/>
      <c r="AF41" s="4"/>
      <c r="AG41" s="4"/>
      <c r="AH41" s="4"/>
      <c r="AI41" s="4"/>
      <c r="AJ41" s="4"/>
      <c r="AK41" s="4"/>
    </row>
    <row r="42" spans="1:37" s="32" customFormat="1" ht="16.5" customHeight="1" x14ac:dyDescent="0.15">
      <c r="A42" s="4"/>
      <c r="B42" s="38"/>
      <c r="C42" s="4"/>
      <c r="D42" s="464" t="s">
        <v>205</v>
      </c>
      <c r="E42" s="464"/>
      <c r="F42" s="464"/>
      <c r="G42" s="464"/>
      <c r="H42" s="464"/>
      <c r="I42" s="464"/>
      <c r="J42" s="464"/>
      <c r="K42" s="464"/>
      <c r="L42" s="464"/>
      <c r="M42" s="464"/>
      <c r="N42" s="464"/>
      <c r="O42" s="464"/>
      <c r="P42" s="464"/>
      <c r="Q42" s="464"/>
      <c r="R42" s="464"/>
      <c r="S42" s="464"/>
      <c r="T42" s="464"/>
      <c r="U42" s="464"/>
      <c r="V42" s="464"/>
      <c r="W42" s="4"/>
      <c r="X42" s="4"/>
      <c r="Y42" s="107"/>
      <c r="Z42" s="107"/>
      <c r="AA42" s="2"/>
      <c r="AB42" s="4"/>
      <c r="AC42" s="4"/>
      <c r="AD42" s="4"/>
      <c r="AE42" s="4"/>
      <c r="AF42" s="4"/>
      <c r="AG42" s="4"/>
      <c r="AH42" s="4"/>
      <c r="AI42" s="4"/>
      <c r="AJ42" s="4"/>
      <c r="AK42" s="4"/>
    </row>
    <row r="43" spans="1:37" s="32" customFormat="1" ht="8.25" customHeight="1" x14ac:dyDescent="0.15">
      <c r="A43" s="7"/>
      <c r="B43" s="108"/>
      <c r="C43" s="8"/>
      <c r="D43" s="8"/>
      <c r="E43" s="8"/>
      <c r="F43" s="8"/>
      <c r="G43" s="8"/>
      <c r="H43" s="8"/>
      <c r="I43" s="8"/>
      <c r="J43" s="8"/>
      <c r="K43" s="8"/>
      <c r="L43" s="8"/>
      <c r="M43" s="8"/>
      <c r="N43" s="8"/>
      <c r="O43" s="8"/>
      <c r="P43" s="8"/>
      <c r="Q43" s="8"/>
      <c r="R43" s="8"/>
      <c r="S43" s="8"/>
      <c r="T43" s="8"/>
      <c r="U43" s="8"/>
      <c r="V43" s="8"/>
      <c r="W43" s="8"/>
      <c r="X43" s="8"/>
      <c r="Y43" s="8"/>
      <c r="Z43" s="8"/>
      <c r="AA43" s="69"/>
      <c r="AB43" s="7"/>
      <c r="AC43" s="7"/>
      <c r="AD43" s="7"/>
      <c r="AE43" s="7"/>
      <c r="AF43" s="7"/>
      <c r="AG43" s="7"/>
      <c r="AH43" s="7"/>
      <c r="AI43" s="7"/>
      <c r="AJ43" s="7"/>
      <c r="AK43" s="7"/>
    </row>
    <row r="44" spans="1:37" s="32" customFormat="1" x14ac:dyDescent="0.15"/>
    <row r="45" spans="1:37" s="32" customFormat="1" ht="19.5" customHeight="1" x14ac:dyDescent="0.15">
      <c r="B45" s="32" t="s">
        <v>206</v>
      </c>
    </row>
    <row r="46" spans="1:37" s="32" customFormat="1" ht="19.5" customHeight="1" x14ac:dyDescent="0.15">
      <c r="B46" s="28"/>
      <c r="C46" s="29"/>
      <c r="D46" s="29"/>
      <c r="E46" s="29"/>
      <c r="F46" s="29"/>
      <c r="G46" s="29"/>
      <c r="H46" s="29"/>
      <c r="I46" s="29"/>
      <c r="J46" s="29"/>
      <c r="K46" s="29"/>
      <c r="L46" s="29"/>
      <c r="M46" s="29"/>
      <c r="N46" s="29"/>
      <c r="O46" s="29"/>
      <c r="P46" s="29"/>
      <c r="Q46" s="29"/>
      <c r="R46" s="29"/>
      <c r="S46" s="29"/>
      <c r="T46" s="29"/>
      <c r="U46" s="29"/>
      <c r="V46" s="29"/>
      <c r="W46" s="29"/>
      <c r="X46" s="29"/>
      <c r="Y46" s="29"/>
      <c r="Z46" s="29"/>
      <c r="AA46" s="30"/>
    </row>
    <row r="47" spans="1:37" s="32" customFormat="1" ht="19.5" customHeight="1" x14ac:dyDescent="0.15">
      <c r="B47" s="3"/>
      <c r="C47" s="32" t="s">
        <v>207</v>
      </c>
      <c r="D47" s="13"/>
      <c r="E47" s="13"/>
      <c r="F47" s="13"/>
      <c r="G47" s="13"/>
      <c r="H47" s="13"/>
      <c r="I47" s="13"/>
      <c r="J47" s="13"/>
      <c r="K47" s="13"/>
      <c r="L47" s="13"/>
      <c r="M47" s="13"/>
      <c r="N47" s="13"/>
      <c r="O47" s="13"/>
      <c r="Y47" s="40"/>
      <c r="Z47" s="40"/>
      <c r="AA47" s="33"/>
    </row>
    <row r="48" spans="1:37" s="32" customFormat="1" ht="19.5" customHeight="1" x14ac:dyDescent="0.15">
      <c r="B48" s="3"/>
      <c r="C48" s="32" t="s">
        <v>208</v>
      </c>
      <c r="D48" s="13"/>
      <c r="E48" s="13"/>
      <c r="F48" s="13"/>
      <c r="G48" s="13"/>
      <c r="H48" s="13"/>
      <c r="I48" s="13"/>
      <c r="J48" s="13"/>
      <c r="K48" s="13"/>
      <c r="L48" s="13"/>
      <c r="M48" s="13"/>
      <c r="N48" s="13"/>
      <c r="O48" s="13"/>
      <c r="Y48" s="461" t="s">
        <v>186</v>
      </c>
      <c r="Z48" s="461"/>
      <c r="AA48" s="33"/>
    </row>
    <row r="49" spans="1:37" s="32" customFormat="1" ht="19.5" customHeight="1" x14ac:dyDescent="0.15">
      <c r="B49" s="3"/>
      <c r="D49" s="468" t="s">
        <v>209</v>
      </c>
      <c r="E49" s="466"/>
      <c r="F49" s="466"/>
      <c r="G49" s="466"/>
      <c r="H49" s="466"/>
      <c r="I49" s="466"/>
      <c r="J49" s="466"/>
      <c r="K49" s="466"/>
      <c r="L49" s="466"/>
      <c r="M49" s="466"/>
      <c r="N49" s="466"/>
      <c r="O49" s="466"/>
      <c r="P49" s="466"/>
      <c r="Q49" s="466"/>
      <c r="R49" s="469" t="s">
        <v>210</v>
      </c>
      <c r="S49" s="470"/>
      <c r="T49" s="470"/>
      <c r="U49" s="470"/>
      <c r="V49" s="471"/>
      <c r="AA49" s="33"/>
    </row>
    <row r="50" spans="1:37" s="32" customFormat="1" ht="19.5" customHeight="1" x14ac:dyDescent="0.15">
      <c r="B50" s="3"/>
      <c r="D50" s="468" t="s">
        <v>211</v>
      </c>
      <c r="E50" s="466"/>
      <c r="F50" s="466"/>
      <c r="G50" s="466"/>
      <c r="H50" s="466"/>
      <c r="I50" s="466"/>
      <c r="J50" s="466"/>
      <c r="K50" s="466"/>
      <c r="L50" s="466"/>
      <c r="M50" s="466"/>
      <c r="N50" s="466"/>
      <c r="O50" s="466"/>
      <c r="P50" s="466"/>
      <c r="Q50" s="467"/>
      <c r="R50" s="469" t="s">
        <v>210</v>
      </c>
      <c r="S50" s="470"/>
      <c r="T50" s="470"/>
      <c r="U50" s="470"/>
      <c r="V50" s="471"/>
      <c r="AA50" s="33"/>
    </row>
    <row r="51" spans="1:37" s="32" customFormat="1" ht="19.5" customHeight="1" x14ac:dyDescent="0.15">
      <c r="B51" s="3"/>
      <c r="C51" s="32" t="s">
        <v>189</v>
      </c>
      <c r="D51" s="13"/>
      <c r="E51" s="13"/>
      <c r="F51" s="13"/>
      <c r="G51" s="13"/>
      <c r="H51" s="13"/>
      <c r="I51" s="13"/>
      <c r="J51" s="13"/>
      <c r="K51" s="13"/>
      <c r="L51" s="13"/>
      <c r="M51" s="13"/>
      <c r="N51" s="13"/>
      <c r="O51" s="13"/>
      <c r="Y51" s="461" t="s">
        <v>186</v>
      </c>
      <c r="Z51" s="461"/>
      <c r="AA51" s="33"/>
    </row>
    <row r="52" spans="1:37" s="32" customFormat="1" ht="19.5" customHeight="1" x14ac:dyDescent="0.15">
      <c r="B52" s="3"/>
      <c r="C52" s="32" t="s">
        <v>190</v>
      </c>
      <c r="D52" s="13"/>
      <c r="E52" s="13"/>
      <c r="F52" s="13"/>
      <c r="G52" s="13"/>
      <c r="H52" s="13"/>
      <c r="I52" s="13"/>
      <c r="J52" s="13"/>
      <c r="K52" s="13"/>
      <c r="L52" s="13"/>
      <c r="M52" s="13"/>
      <c r="N52" s="13"/>
      <c r="O52" s="13"/>
      <c r="Y52" s="461" t="s">
        <v>186</v>
      </c>
      <c r="Z52" s="461"/>
      <c r="AA52" s="33"/>
    </row>
    <row r="53" spans="1:37" s="32" customFormat="1" ht="23.25" customHeight="1" x14ac:dyDescent="0.15">
      <c r="B53" s="3"/>
      <c r="D53" s="465" t="s">
        <v>212</v>
      </c>
      <c r="E53" s="465"/>
      <c r="F53" s="465"/>
      <c r="G53" s="465"/>
      <c r="H53" s="465"/>
      <c r="I53" s="465"/>
      <c r="J53" s="465"/>
      <c r="K53" s="13"/>
      <c r="L53" s="13"/>
      <c r="M53" s="13"/>
      <c r="N53" s="13"/>
      <c r="O53" s="13"/>
      <c r="Y53" s="40"/>
      <c r="Z53" s="40"/>
      <c r="AA53" s="33"/>
    </row>
    <row r="54" spans="1:37" s="32" customFormat="1" ht="23.25" customHeight="1" x14ac:dyDescent="0.15">
      <c r="B54" s="3"/>
      <c r="C54" s="32" t="s">
        <v>192</v>
      </c>
      <c r="AA54" s="33"/>
    </row>
    <row r="55" spans="1:37" s="32" customFormat="1" ht="6.75" customHeight="1" x14ac:dyDescent="0.15">
      <c r="B55" s="3"/>
      <c r="AA55" s="33"/>
    </row>
    <row r="56" spans="1:37" s="32" customFormat="1" ht="19.5" customHeight="1" x14ac:dyDescent="0.15">
      <c r="B56" s="3" t="s">
        <v>213</v>
      </c>
      <c r="C56" s="410" t="s">
        <v>194</v>
      </c>
      <c r="D56" s="415"/>
      <c r="E56" s="415"/>
      <c r="F56" s="415"/>
      <c r="G56" s="415"/>
      <c r="H56" s="453"/>
      <c r="I56" s="466"/>
      <c r="J56" s="466"/>
      <c r="K56" s="466"/>
      <c r="L56" s="466"/>
      <c r="M56" s="466"/>
      <c r="N56" s="466"/>
      <c r="O56" s="466"/>
      <c r="P56" s="466"/>
      <c r="Q56" s="466"/>
      <c r="R56" s="466"/>
      <c r="S56" s="466"/>
      <c r="T56" s="466"/>
      <c r="U56" s="466"/>
      <c r="V56" s="466"/>
      <c r="W56" s="466"/>
      <c r="X56" s="466"/>
      <c r="Y56" s="466"/>
      <c r="Z56" s="467"/>
      <c r="AA56" s="33"/>
    </row>
    <row r="57" spans="1:37" s="32" customFormat="1" ht="19.5" customHeight="1" x14ac:dyDescent="0.15">
      <c r="B57" s="3" t="s">
        <v>214</v>
      </c>
      <c r="C57" s="410" t="s">
        <v>195</v>
      </c>
      <c r="D57" s="415"/>
      <c r="E57" s="415"/>
      <c r="F57" s="415"/>
      <c r="G57" s="415"/>
      <c r="H57" s="453"/>
      <c r="I57" s="466"/>
      <c r="J57" s="466"/>
      <c r="K57" s="466"/>
      <c r="L57" s="466"/>
      <c r="M57" s="466"/>
      <c r="N57" s="466"/>
      <c r="O57" s="466"/>
      <c r="P57" s="466"/>
      <c r="Q57" s="466"/>
      <c r="R57" s="466"/>
      <c r="S57" s="466"/>
      <c r="T57" s="466"/>
      <c r="U57" s="466"/>
      <c r="V57" s="466"/>
      <c r="W57" s="466"/>
      <c r="X57" s="466"/>
      <c r="Y57" s="466"/>
      <c r="Z57" s="467"/>
      <c r="AA57" s="33"/>
    </row>
    <row r="58" spans="1:37" s="32" customFormat="1" ht="19.5" customHeight="1" x14ac:dyDescent="0.15">
      <c r="B58" s="3" t="s">
        <v>213</v>
      </c>
      <c r="C58" s="410" t="s">
        <v>196</v>
      </c>
      <c r="D58" s="415"/>
      <c r="E58" s="415"/>
      <c r="F58" s="415"/>
      <c r="G58" s="415"/>
      <c r="H58" s="453"/>
      <c r="I58" s="466"/>
      <c r="J58" s="466"/>
      <c r="K58" s="466"/>
      <c r="L58" s="466"/>
      <c r="M58" s="466"/>
      <c r="N58" s="466"/>
      <c r="O58" s="466"/>
      <c r="P58" s="466"/>
      <c r="Q58" s="466"/>
      <c r="R58" s="466"/>
      <c r="S58" s="466"/>
      <c r="T58" s="466"/>
      <c r="U58" s="466"/>
      <c r="V58" s="466"/>
      <c r="W58" s="466"/>
      <c r="X58" s="466"/>
      <c r="Y58" s="466"/>
      <c r="Z58" s="467"/>
      <c r="AA58" s="33"/>
    </row>
    <row r="59" spans="1:37" s="32" customFormat="1" ht="19.5" customHeight="1" x14ac:dyDescent="0.15">
      <c r="B59" s="3"/>
      <c r="C59" s="13"/>
      <c r="D59" s="13"/>
      <c r="E59" s="13"/>
      <c r="F59" s="13"/>
      <c r="G59" s="13"/>
      <c r="H59" s="13"/>
      <c r="I59" s="4"/>
      <c r="J59" s="4"/>
      <c r="K59" s="4"/>
      <c r="L59" s="4"/>
      <c r="M59" s="4"/>
      <c r="N59" s="4"/>
      <c r="O59" s="4"/>
      <c r="P59" s="4"/>
      <c r="Q59" s="4"/>
      <c r="R59" s="4"/>
      <c r="S59" s="4"/>
      <c r="T59" s="4"/>
      <c r="U59" s="4"/>
      <c r="V59" s="4"/>
      <c r="W59" s="4"/>
      <c r="X59" s="4"/>
      <c r="Y59" s="4"/>
      <c r="Z59" s="4"/>
      <c r="AA59" s="33"/>
    </row>
    <row r="60" spans="1:37" s="4" customFormat="1" ht="18" customHeight="1" x14ac:dyDescent="0.15">
      <c r="A60" s="32"/>
      <c r="B60" s="3"/>
      <c r="C60" s="383" t="s">
        <v>215</v>
      </c>
      <c r="D60" s="383"/>
      <c r="E60" s="383"/>
      <c r="F60" s="383"/>
      <c r="G60" s="383"/>
      <c r="H60" s="383"/>
      <c r="I60" s="383"/>
      <c r="J60" s="383"/>
      <c r="K60" s="383"/>
      <c r="L60" s="383"/>
      <c r="M60" s="383"/>
      <c r="N60" s="383"/>
      <c r="O60" s="383"/>
      <c r="P60" s="383"/>
      <c r="Q60" s="383"/>
      <c r="R60" s="383"/>
      <c r="S60" s="383"/>
      <c r="T60" s="383"/>
      <c r="U60" s="383"/>
      <c r="V60" s="383"/>
      <c r="W60" s="383"/>
      <c r="X60" s="383"/>
      <c r="Y60" s="383"/>
      <c r="Z60" s="383"/>
      <c r="AA60" s="384"/>
      <c r="AB60" s="32"/>
      <c r="AC60" s="32"/>
      <c r="AD60" s="32"/>
      <c r="AE60" s="32"/>
      <c r="AF60" s="32"/>
      <c r="AG60" s="32"/>
      <c r="AH60" s="32"/>
      <c r="AI60" s="32"/>
      <c r="AJ60" s="32"/>
      <c r="AK60" s="32"/>
    </row>
    <row r="61" spans="1:37" s="4" customFormat="1" ht="18" customHeight="1" x14ac:dyDescent="0.15">
      <c r="A61" s="32"/>
      <c r="B61" s="3"/>
      <c r="C61" s="13"/>
      <c r="D61" s="13"/>
      <c r="E61" s="13"/>
      <c r="F61" s="13"/>
      <c r="G61" s="13"/>
      <c r="H61" s="13"/>
      <c r="I61" s="13"/>
      <c r="J61" s="13"/>
      <c r="K61" s="13"/>
      <c r="L61" s="13"/>
      <c r="M61" s="13"/>
      <c r="N61" s="13"/>
      <c r="O61" s="13"/>
      <c r="P61" s="32"/>
      <c r="Q61" s="32"/>
      <c r="R61" s="32"/>
      <c r="S61" s="32"/>
      <c r="T61" s="32"/>
      <c r="U61" s="32"/>
      <c r="V61" s="32"/>
      <c r="W61" s="32"/>
      <c r="X61" s="32"/>
      <c r="Y61" s="32"/>
      <c r="Z61" s="32"/>
      <c r="AA61" s="33"/>
      <c r="AB61" s="32"/>
      <c r="AC61" s="32"/>
      <c r="AD61" s="32"/>
      <c r="AE61" s="32"/>
      <c r="AF61" s="32"/>
      <c r="AG61" s="32"/>
      <c r="AH61" s="32"/>
      <c r="AI61" s="32"/>
      <c r="AJ61" s="32"/>
      <c r="AK61" s="32"/>
    </row>
    <row r="62" spans="1:37" s="4" customFormat="1" ht="19.5" customHeight="1" x14ac:dyDescent="0.15">
      <c r="A62" s="32"/>
      <c r="B62" s="3"/>
      <c r="C62" s="32"/>
      <c r="D62" s="464" t="s">
        <v>216</v>
      </c>
      <c r="E62" s="464"/>
      <c r="F62" s="464"/>
      <c r="G62" s="464"/>
      <c r="H62" s="464"/>
      <c r="I62" s="464"/>
      <c r="J62" s="464"/>
      <c r="K62" s="464"/>
      <c r="L62" s="464"/>
      <c r="M62" s="464"/>
      <c r="N62" s="464"/>
      <c r="O62" s="464"/>
      <c r="P62" s="464"/>
      <c r="Q62" s="464"/>
      <c r="R62" s="464"/>
      <c r="S62" s="464"/>
      <c r="T62" s="464"/>
      <c r="U62" s="464"/>
      <c r="V62" s="464"/>
      <c r="W62" s="32"/>
      <c r="X62" s="32"/>
      <c r="Y62" s="461" t="s">
        <v>186</v>
      </c>
      <c r="Z62" s="461"/>
      <c r="AA62" s="33"/>
      <c r="AB62" s="32"/>
      <c r="AC62" s="32"/>
      <c r="AD62" s="32"/>
      <c r="AE62" s="32"/>
      <c r="AF62" s="32"/>
      <c r="AG62" s="32"/>
      <c r="AH62" s="32"/>
      <c r="AI62" s="32"/>
      <c r="AJ62" s="32"/>
      <c r="AK62" s="32"/>
    </row>
    <row r="63" spans="1:37" ht="19.5" customHeight="1" x14ac:dyDescent="0.15">
      <c r="A63" s="4"/>
      <c r="B63" s="38"/>
      <c r="C63" s="4"/>
      <c r="D63" s="464" t="s">
        <v>202</v>
      </c>
      <c r="E63" s="464"/>
      <c r="F63" s="464"/>
      <c r="G63" s="464"/>
      <c r="H63" s="464"/>
      <c r="I63" s="464"/>
      <c r="J63" s="464"/>
      <c r="K63" s="464"/>
      <c r="L63" s="464"/>
      <c r="M63" s="464"/>
      <c r="N63" s="464"/>
      <c r="O63" s="464"/>
      <c r="P63" s="464"/>
      <c r="Q63" s="464"/>
      <c r="R63" s="464"/>
      <c r="S63" s="464"/>
      <c r="T63" s="464"/>
      <c r="U63" s="464"/>
      <c r="V63" s="464"/>
      <c r="W63" s="4"/>
      <c r="X63" s="4"/>
      <c r="Y63" s="461" t="s">
        <v>186</v>
      </c>
      <c r="Z63" s="461"/>
      <c r="AA63" s="2"/>
      <c r="AB63" s="4"/>
      <c r="AC63" s="4"/>
      <c r="AD63" s="4"/>
      <c r="AE63" s="4"/>
      <c r="AF63" s="4"/>
      <c r="AG63" s="4"/>
      <c r="AH63" s="4"/>
      <c r="AI63" s="4"/>
      <c r="AJ63" s="4"/>
      <c r="AK63" s="4"/>
    </row>
    <row r="64" spans="1:37" ht="19.5" customHeight="1" x14ac:dyDescent="0.15">
      <c r="A64" s="4"/>
      <c r="B64" s="38"/>
      <c r="C64" s="4"/>
      <c r="D64" s="464" t="s">
        <v>203</v>
      </c>
      <c r="E64" s="464"/>
      <c r="F64" s="464"/>
      <c r="G64" s="464"/>
      <c r="H64" s="464"/>
      <c r="I64" s="464"/>
      <c r="J64" s="464"/>
      <c r="K64" s="464"/>
      <c r="L64" s="464"/>
      <c r="M64" s="464"/>
      <c r="N64" s="464"/>
      <c r="O64" s="464"/>
      <c r="P64" s="464"/>
      <c r="Q64" s="464"/>
      <c r="R64" s="464"/>
      <c r="S64" s="464"/>
      <c r="T64" s="464"/>
      <c r="U64" s="464"/>
      <c r="V64" s="464"/>
      <c r="W64" s="4"/>
      <c r="X64" s="4"/>
      <c r="Y64" s="461" t="s">
        <v>186</v>
      </c>
      <c r="Z64" s="461"/>
      <c r="AA64" s="2"/>
      <c r="AB64" s="4"/>
      <c r="AC64" s="4"/>
      <c r="AD64" s="4"/>
      <c r="AE64" s="4"/>
      <c r="AF64" s="4"/>
      <c r="AG64" s="4"/>
      <c r="AH64" s="4"/>
      <c r="AI64" s="4"/>
      <c r="AJ64" s="4"/>
      <c r="AK64" s="4"/>
    </row>
    <row r="65" spans="1:37" ht="19.5" customHeight="1" x14ac:dyDescent="0.15">
      <c r="A65" s="4"/>
      <c r="B65" s="38"/>
      <c r="C65" s="4"/>
      <c r="D65" s="464" t="s">
        <v>204</v>
      </c>
      <c r="E65" s="464"/>
      <c r="F65" s="464"/>
      <c r="G65" s="464"/>
      <c r="H65" s="464"/>
      <c r="I65" s="464"/>
      <c r="J65" s="464"/>
      <c r="K65" s="464"/>
      <c r="L65" s="464"/>
      <c r="M65" s="464"/>
      <c r="N65" s="464"/>
      <c r="O65" s="464"/>
      <c r="P65" s="464"/>
      <c r="Q65" s="464"/>
      <c r="R65" s="464"/>
      <c r="S65" s="464"/>
      <c r="T65" s="464"/>
      <c r="U65" s="464"/>
      <c r="V65" s="464"/>
      <c r="W65" s="4"/>
      <c r="X65" s="4"/>
      <c r="Y65" s="461" t="s">
        <v>186</v>
      </c>
      <c r="Z65" s="461"/>
      <c r="AA65" s="2"/>
      <c r="AB65" s="4"/>
      <c r="AC65" s="4"/>
      <c r="AD65" s="4"/>
      <c r="AE65" s="4"/>
      <c r="AF65" s="4"/>
      <c r="AG65" s="4"/>
      <c r="AH65" s="4"/>
      <c r="AI65" s="4"/>
      <c r="AJ65" s="4"/>
      <c r="AK65" s="4"/>
    </row>
    <row r="66" spans="1:37" s="4" customFormat="1" x14ac:dyDescent="0.15">
      <c r="B66" s="38"/>
      <c r="D66" s="464" t="s">
        <v>217</v>
      </c>
      <c r="E66" s="464"/>
      <c r="F66" s="464"/>
      <c r="G66" s="464"/>
      <c r="H66" s="464"/>
      <c r="I66" s="464"/>
      <c r="J66" s="464"/>
      <c r="K66" s="464"/>
      <c r="L66" s="464"/>
      <c r="M66" s="464"/>
      <c r="N66" s="464"/>
      <c r="O66" s="464"/>
      <c r="P66" s="464"/>
      <c r="Q66" s="464"/>
      <c r="R66" s="464"/>
      <c r="S66" s="464"/>
      <c r="T66" s="464"/>
      <c r="U66" s="464"/>
      <c r="V66" s="464"/>
      <c r="Y66" s="107"/>
      <c r="Z66" s="107"/>
      <c r="AA66" s="2"/>
    </row>
    <row r="67" spans="1:37" s="4" customFormat="1" x14ac:dyDescent="0.15">
      <c r="A67" s="7"/>
      <c r="B67" s="108"/>
      <c r="C67" s="8"/>
      <c r="D67" s="8"/>
      <c r="E67" s="8"/>
      <c r="F67" s="8"/>
      <c r="G67" s="8"/>
      <c r="H67" s="8"/>
      <c r="I67" s="8"/>
      <c r="J67" s="8"/>
      <c r="K67" s="8"/>
      <c r="L67" s="8"/>
      <c r="M67" s="8"/>
      <c r="N67" s="8"/>
      <c r="O67" s="8"/>
      <c r="P67" s="8"/>
      <c r="Q67" s="8"/>
      <c r="R67" s="8"/>
      <c r="S67" s="8"/>
      <c r="T67" s="8"/>
      <c r="U67" s="8"/>
      <c r="V67" s="8"/>
      <c r="W67" s="8"/>
      <c r="X67" s="8"/>
      <c r="Y67" s="8"/>
      <c r="Z67" s="8"/>
      <c r="AA67" s="69"/>
      <c r="AB67" s="7"/>
      <c r="AC67" s="7"/>
      <c r="AD67" s="7"/>
      <c r="AE67" s="7"/>
      <c r="AF67" s="7"/>
      <c r="AG67" s="7"/>
      <c r="AH67" s="7"/>
      <c r="AI67" s="7"/>
      <c r="AJ67" s="7"/>
      <c r="AK67" s="7"/>
    </row>
    <row r="68" spans="1:37" s="4" customFormat="1" x14ac:dyDescent="0.15">
      <c r="A68" s="7"/>
      <c r="B68" s="109"/>
      <c r="C68" s="7"/>
      <c r="D68" s="7"/>
      <c r="E68" s="7"/>
      <c r="F68" s="7"/>
      <c r="G68" s="7"/>
      <c r="H68" s="7"/>
      <c r="I68" s="7"/>
      <c r="J68" s="7"/>
      <c r="K68" s="7"/>
      <c r="L68" s="7"/>
      <c r="M68" s="7"/>
      <c r="N68" s="7"/>
      <c r="O68" s="7"/>
      <c r="P68" s="7"/>
      <c r="Q68" s="7"/>
      <c r="R68" s="7"/>
      <c r="S68" s="7"/>
      <c r="T68" s="7"/>
      <c r="U68" s="7"/>
      <c r="V68" s="7"/>
      <c r="W68" s="7"/>
      <c r="X68" s="7"/>
      <c r="Y68" s="7"/>
      <c r="Z68" s="7"/>
      <c r="AA68" s="7"/>
      <c r="AB68" s="7"/>
      <c r="AC68" s="7"/>
      <c r="AD68" s="7"/>
      <c r="AE68" s="7"/>
      <c r="AF68" s="7"/>
      <c r="AG68" s="7"/>
      <c r="AH68" s="7"/>
      <c r="AI68" s="7"/>
      <c r="AJ68" s="7"/>
      <c r="AK68" s="7"/>
    </row>
    <row r="69" spans="1:37" ht="36.950000000000003" customHeight="1" x14ac:dyDescent="0.15">
      <c r="B69" s="472" t="s">
        <v>218</v>
      </c>
      <c r="C69" s="472"/>
      <c r="D69" s="472"/>
      <c r="E69" s="472"/>
      <c r="F69" s="472"/>
      <c r="G69" s="472"/>
      <c r="H69" s="472"/>
      <c r="I69" s="472"/>
      <c r="J69" s="472"/>
      <c r="K69" s="472"/>
      <c r="L69" s="472"/>
      <c r="M69" s="472"/>
      <c r="N69" s="472"/>
      <c r="O69" s="472"/>
      <c r="P69" s="472"/>
      <c r="Q69" s="472"/>
      <c r="R69" s="472"/>
      <c r="S69" s="472"/>
      <c r="T69" s="472"/>
      <c r="U69" s="472"/>
      <c r="V69" s="472"/>
      <c r="W69" s="472"/>
      <c r="X69" s="472"/>
      <c r="Y69" s="472"/>
      <c r="Z69" s="472"/>
      <c r="AA69" s="472"/>
    </row>
    <row r="70" spans="1:37" x14ac:dyDescent="0.15">
      <c r="A70" s="4"/>
      <c r="B70" s="472" t="s">
        <v>219</v>
      </c>
      <c r="C70" s="472"/>
      <c r="D70" s="472"/>
      <c r="E70" s="472"/>
      <c r="F70" s="472"/>
      <c r="G70" s="472"/>
      <c r="H70" s="472"/>
      <c r="I70" s="472"/>
      <c r="J70" s="472"/>
      <c r="K70" s="472"/>
      <c r="L70" s="472"/>
      <c r="M70" s="472"/>
      <c r="N70" s="472"/>
      <c r="O70" s="472"/>
      <c r="P70" s="472"/>
      <c r="Q70" s="472"/>
      <c r="R70" s="472"/>
      <c r="S70" s="472"/>
      <c r="T70" s="472"/>
      <c r="U70" s="472"/>
      <c r="V70" s="472"/>
      <c r="W70" s="472"/>
      <c r="X70" s="472"/>
      <c r="Y70" s="472"/>
      <c r="Z70" s="472"/>
      <c r="AA70" s="472"/>
      <c r="AB70" s="4"/>
      <c r="AC70" s="4"/>
      <c r="AD70" s="4"/>
      <c r="AE70" s="4"/>
      <c r="AF70" s="4"/>
      <c r="AG70" s="4"/>
      <c r="AH70" s="4"/>
      <c r="AI70" s="4"/>
      <c r="AJ70" s="4"/>
      <c r="AK70" s="4"/>
    </row>
    <row r="71" spans="1:37" ht="13.5" customHeight="1" x14ac:dyDescent="0.15">
      <c r="A71" s="4"/>
      <c r="B71" s="472" t="s">
        <v>220</v>
      </c>
      <c r="C71" s="472"/>
      <c r="D71" s="472"/>
      <c r="E71" s="472"/>
      <c r="F71" s="472"/>
      <c r="G71" s="472"/>
      <c r="H71" s="472"/>
      <c r="I71" s="472"/>
      <c r="J71" s="472"/>
      <c r="K71" s="472"/>
      <c r="L71" s="472"/>
      <c r="M71" s="472"/>
      <c r="N71" s="472"/>
      <c r="O71" s="472"/>
      <c r="P71" s="472"/>
      <c r="Q71" s="472"/>
      <c r="R71" s="472"/>
      <c r="S71" s="472"/>
      <c r="T71" s="472"/>
      <c r="U71" s="472"/>
      <c r="V71" s="472"/>
      <c r="W71" s="472"/>
      <c r="X71" s="472"/>
      <c r="Y71" s="472"/>
      <c r="Z71" s="472"/>
      <c r="AA71" s="472"/>
      <c r="AB71" s="4"/>
      <c r="AC71" s="4"/>
      <c r="AD71" s="4"/>
      <c r="AE71" s="4"/>
      <c r="AF71" s="4"/>
      <c r="AG71" s="4"/>
      <c r="AH71" s="4"/>
      <c r="AI71" s="4"/>
      <c r="AJ71" s="4"/>
      <c r="AK71" s="4"/>
    </row>
    <row r="72" spans="1:37" x14ac:dyDescent="0.15">
      <c r="A72" s="4"/>
      <c r="B72" s="472" t="s">
        <v>221</v>
      </c>
      <c r="C72" s="472"/>
      <c r="D72" s="472"/>
      <c r="E72" s="472"/>
      <c r="F72" s="472"/>
      <c r="G72" s="472"/>
      <c r="H72" s="472"/>
      <c r="I72" s="472"/>
      <c r="J72" s="472"/>
      <c r="K72" s="472"/>
      <c r="L72" s="472"/>
      <c r="M72" s="472"/>
      <c r="N72" s="472"/>
      <c r="O72" s="472"/>
      <c r="P72" s="472"/>
      <c r="Q72" s="472"/>
      <c r="R72" s="472"/>
      <c r="S72" s="472"/>
      <c r="T72" s="472"/>
      <c r="U72" s="472"/>
      <c r="V72" s="472"/>
      <c r="W72" s="472"/>
      <c r="X72" s="472"/>
      <c r="Y72" s="472"/>
      <c r="Z72" s="472"/>
      <c r="AA72" s="472"/>
      <c r="AB72" s="4"/>
      <c r="AC72" s="4"/>
      <c r="AD72" s="4"/>
      <c r="AE72" s="4"/>
      <c r="AF72" s="4"/>
      <c r="AG72" s="4"/>
      <c r="AH72" s="4"/>
      <c r="AI72" s="4"/>
      <c r="AJ72" s="4"/>
      <c r="AK72" s="4"/>
    </row>
    <row r="73" spans="1:37" x14ac:dyDescent="0.15">
      <c r="B73" s="472" t="s">
        <v>222</v>
      </c>
      <c r="C73" s="472"/>
      <c r="D73" s="472"/>
      <c r="E73" s="472"/>
      <c r="F73" s="472"/>
      <c r="G73" s="472"/>
      <c r="H73" s="472"/>
      <c r="I73" s="472"/>
      <c r="J73" s="472"/>
      <c r="K73" s="472"/>
      <c r="L73" s="472"/>
      <c r="M73" s="472"/>
      <c r="N73" s="472"/>
      <c r="O73" s="472"/>
      <c r="P73" s="472"/>
      <c r="Q73" s="472"/>
      <c r="R73" s="472"/>
      <c r="S73" s="472"/>
      <c r="T73" s="472"/>
      <c r="U73" s="472"/>
      <c r="V73" s="472"/>
      <c r="W73" s="472"/>
      <c r="X73" s="472"/>
      <c r="Y73" s="472"/>
      <c r="Z73" s="472"/>
      <c r="AA73" s="472"/>
      <c r="AB73" s="110"/>
    </row>
    <row r="74" spans="1:37" x14ac:dyDescent="0.15">
      <c r="B74" s="472" t="s">
        <v>223</v>
      </c>
      <c r="C74" s="472"/>
      <c r="D74" s="472"/>
      <c r="E74" s="472"/>
      <c r="F74" s="472"/>
      <c r="G74" s="472"/>
      <c r="H74" s="472"/>
      <c r="I74" s="472"/>
      <c r="J74" s="472"/>
      <c r="K74" s="472"/>
      <c r="L74" s="472"/>
      <c r="M74" s="472"/>
      <c r="N74" s="472"/>
      <c r="O74" s="472"/>
      <c r="P74" s="472"/>
      <c r="Q74" s="472"/>
      <c r="R74" s="472"/>
      <c r="S74" s="472"/>
      <c r="T74" s="472"/>
      <c r="U74" s="472"/>
      <c r="V74" s="472"/>
      <c r="W74" s="472"/>
      <c r="X74" s="472"/>
      <c r="Y74" s="472"/>
      <c r="Z74" s="472"/>
      <c r="AA74" s="111"/>
      <c r="AB74" s="110"/>
    </row>
    <row r="75" spans="1:37" x14ac:dyDescent="0.15">
      <c r="B75" s="112"/>
      <c r="D75" s="113"/>
    </row>
    <row r="76" spans="1:37" x14ac:dyDescent="0.15">
      <c r="B76" s="112"/>
      <c r="D76" s="113"/>
    </row>
    <row r="77" spans="1:37" x14ac:dyDescent="0.15">
      <c r="B77" s="112"/>
      <c r="D77" s="113"/>
    </row>
    <row r="78" spans="1:37" x14ac:dyDescent="0.15">
      <c r="B78" s="112"/>
      <c r="D78" s="113"/>
    </row>
  </sheetData>
  <mergeCells count="82">
    <mergeCell ref="B72:AA72"/>
    <mergeCell ref="B73:AA73"/>
    <mergeCell ref="B74:Z74"/>
    <mergeCell ref="D65:V65"/>
    <mergeCell ref="Y65:Z65"/>
    <mergeCell ref="D66:V66"/>
    <mergeCell ref="B69:AA69"/>
    <mergeCell ref="B70:AA70"/>
    <mergeCell ref="B71:AA7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Y52:Z52"/>
    <mergeCell ref="D40:V40"/>
    <mergeCell ref="Y40:Z40"/>
    <mergeCell ref="D41:V41"/>
    <mergeCell ref="Y41:Z41"/>
    <mergeCell ref="D42:V42"/>
    <mergeCell ref="Y48:Z48"/>
    <mergeCell ref="D49:Q49"/>
    <mergeCell ref="R49:V49"/>
    <mergeCell ref="D50:Q50"/>
    <mergeCell ref="R50:V50"/>
    <mergeCell ref="Y51:Z51"/>
    <mergeCell ref="C35:Z35"/>
    <mergeCell ref="C36:Z36"/>
    <mergeCell ref="D38:V38"/>
    <mergeCell ref="Y38:Z38"/>
    <mergeCell ref="D39:V39"/>
    <mergeCell ref="Y39:Z39"/>
    <mergeCell ref="C34:Z34"/>
    <mergeCell ref="Y22:Z22"/>
    <mergeCell ref="Y23:Z23"/>
    <mergeCell ref="Y24:Z24"/>
    <mergeCell ref="D25:J25"/>
    <mergeCell ref="C28:H28"/>
    <mergeCell ref="I28:Z28"/>
    <mergeCell ref="C29:H29"/>
    <mergeCell ref="I29:Z29"/>
    <mergeCell ref="C30:H30"/>
    <mergeCell ref="I30:Z30"/>
    <mergeCell ref="Y32:Z32"/>
    <mergeCell ref="B15:F15"/>
    <mergeCell ref="G15:AA15"/>
    <mergeCell ref="B9:F14"/>
    <mergeCell ref="G9:M9"/>
    <mergeCell ref="N9:T9"/>
    <mergeCell ref="U9:AA9"/>
    <mergeCell ref="G10:M10"/>
    <mergeCell ref="N10:T10"/>
    <mergeCell ref="U10:AA10"/>
    <mergeCell ref="G11:M11"/>
    <mergeCell ref="N11:T11"/>
    <mergeCell ref="U11:AA11"/>
    <mergeCell ref="Y19:Z19"/>
    <mergeCell ref="G12:M12"/>
    <mergeCell ref="N12:T12"/>
    <mergeCell ref="U12:AA12"/>
    <mergeCell ref="G13:M13"/>
    <mergeCell ref="N13:T13"/>
    <mergeCell ref="U13:AA13"/>
    <mergeCell ref="G14:M14"/>
    <mergeCell ref="N14:T14"/>
    <mergeCell ref="U14:AA14"/>
    <mergeCell ref="B8:F8"/>
    <mergeCell ref="G8:AA8"/>
    <mergeCell ref="B4:AA4"/>
    <mergeCell ref="B6:F6"/>
    <mergeCell ref="G6:AA6"/>
    <mergeCell ref="B7:F7"/>
    <mergeCell ref="G7:AA7"/>
  </mergeCells>
  <phoneticPr fontId="3"/>
  <pageMargins left="0.7" right="0.7" top="0.75" bottom="0.75" header="0.3" footer="0.3"/>
  <pageSetup paperSize="9" scale="61"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B109"/>
  <sheetViews>
    <sheetView view="pageBreakPreview" topLeftCell="A73" zoomScaleNormal="100" zoomScaleSheetLayoutView="100" workbookViewId="0">
      <selection activeCell="B4" sqref="B4:AB4"/>
    </sheetView>
  </sheetViews>
  <sheetFormatPr defaultColWidth="3.5" defaultRowHeight="13.5" x14ac:dyDescent="0.15"/>
  <cols>
    <col min="1" max="1" width="3.5" style="139" customWidth="1"/>
    <col min="2" max="2" width="3" style="150" customWidth="1"/>
    <col min="3" max="5" width="3.5" style="139" customWidth="1"/>
    <col min="6" max="6" width="4.75" style="139" customWidth="1"/>
    <col min="7" max="7" width="3.5" style="139" customWidth="1"/>
    <col min="8" max="8" width="2.5" style="139" customWidth="1"/>
    <col min="9" max="256" width="3.5" style="139"/>
    <col min="257" max="257" width="3.5" style="139" customWidth="1"/>
    <col min="258" max="258" width="3" style="139" customWidth="1"/>
    <col min="259" max="261" width="3.5" style="139" customWidth="1"/>
    <col min="262" max="262" width="4.75" style="139" customWidth="1"/>
    <col min="263" max="263" width="3.5" style="139" customWidth="1"/>
    <col min="264" max="264" width="2.5" style="139" customWidth="1"/>
    <col min="265" max="512" width="3.5" style="139"/>
    <col min="513" max="513" width="3.5" style="139" customWidth="1"/>
    <col min="514" max="514" width="3" style="139" customWidth="1"/>
    <col min="515" max="517" width="3.5" style="139" customWidth="1"/>
    <col min="518" max="518" width="4.75" style="139" customWidth="1"/>
    <col min="519" max="519" width="3.5" style="139" customWidth="1"/>
    <col min="520" max="520" width="2.5" style="139" customWidth="1"/>
    <col min="521" max="768" width="3.5" style="139"/>
    <col min="769" max="769" width="3.5" style="139" customWidth="1"/>
    <col min="770" max="770" width="3" style="139" customWidth="1"/>
    <col min="771" max="773" width="3.5" style="139" customWidth="1"/>
    <col min="774" max="774" width="4.75" style="139" customWidth="1"/>
    <col min="775" max="775" width="3.5" style="139" customWidth="1"/>
    <col min="776" max="776" width="2.5" style="139" customWidth="1"/>
    <col min="777" max="1024" width="3.5" style="139"/>
    <col min="1025" max="1025" width="3.5" style="139" customWidth="1"/>
    <col min="1026" max="1026" width="3" style="139" customWidth="1"/>
    <col min="1027" max="1029" width="3.5" style="139" customWidth="1"/>
    <col min="1030" max="1030" width="4.75" style="139" customWidth="1"/>
    <col min="1031" max="1031" width="3.5" style="139" customWidth="1"/>
    <col min="1032" max="1032" width="2.5" style="139" customWidth="1"/>
    <col min="1033" max="1280" width="3.5" style="139"/>
    <col min="1281" max="1281" width="3.5" style="139" customWidth="1"/>
    <col min="1282" max="1282" width="3" style="139" customWidth="1"/>
    <col min="1283" max="1285" width="3.5" style="139" customWidth="1"/>
    <col min="1286" max="1286" width="4.75" style="139" customWidth="1"/>
    <col min="1287" max="1287" width="3.5" style="139" customWidth="1"/>
    <col min="1288" max="1288" width="2.5" style="139" customWidth="1"/>
    <col min="1289" max="1536" width="3.5" style="139"/>
    <col min="1537" max="1537" width="3.5" style="139" customWidth="1"/>
    <col min="1538" max="1538" width="3" style="139" customWidth="1"/>
    <col min="1539" max="1541" width="3.5" style="139" customWidth="1"/>
    <col min="1542" max="1542" width="4.75" style="139" customWidth="1"/>
    <col min="1543" max="1543" width="3.5" style="139" customWidth="1"/>
    <col min="1544" max="1544" width="2.5" style="139" customWidth="1"/>
    <col min="1545" max="1792" width="3.5" style="139"/>
    <col min="1793" max="1793" width="3.5" style="139" customWidth="1"/>
    <col min="1794" max="1794" width="3" style="139" customWidth="1"/>
    <col min="1795" max="1797" width="3.5" style="139" customWidth="1"/>
    <col min="1798" max="1798" width="4.75" style="139" customWidth="1"/>
    <col min="1799" max="1799" width="3.5" style="139" customWidth="1"/>
    <col min="1800" max="1800" width="2.5" style="139" customWidth="1"/>
    <col min="1801" max="2048" width="3.5" style="139"/>
    <col min="2049" max="2049" width="3.5" style="139" customWidth="1"/>
    <col min="2050" max="2050" width="3" style="139" customWidth="1"/>
    <col min="2051" max="2053" width="3.5" style="139" customWidth="1"/>
    <col min="2054" max="2054" width="4.75" style="139" customWidth="1"/>
    <col min="2055" max="2055" width="3.5" style="139" customWidth="1"/>
    <col min="2056" max="2056" width="2.5" style="139" customWidth="1"/>
    <col min="2057" max="2304" width="3.5" style="139"/>
    <col min="2305" max="2305" width="3.5" style="139" customWidth="1"/>
    <col min="2306" max="2306" width="3" style="139" customWidth="1"/>
    <col min="2307" max="2309" width="3.5" style="139" customWidth="1"/>
    <col min="2310" max="2310" width="4.75" style="139" customWidth="1"/>
    <col min="2311" max="2311" width="3.5" style="139" customWidth="1"/>
    <col min="2312" max="2312" width="2.5" style="139" customWidth="1"/>
    <col min="2313" max="2560" width="3.5" style="139"/>
    <col min="2561" max="2561" width="3.5" style="139" customWidth="1"/>
    <col min="2562" max="2562" width="3" style="139" customWidth="1"/>
    <col min="2563" max="2565" width="3.5" style="139" customWidth="1"/>
    <col min="2566" max="2566" width="4.75" style="139" customWidth="1"/>
    <col min="2567" max="2567" width="3.5" style="139" customWidth="1"/>
    <col min="2568" max="2568" width="2.5" style="139" customWidth="1"/>
    <col min="2569" max="2816" width="3.5" style="139"/>
    <col min="2817" max="2817" width="3.5" style="139" customWidth="1"/>
    <col min="2818" max="2818" width="3" style="139" customWidth="1"/>
    <col min="2819" max="2821" width="3.5" style="139" customWidth="1"/>
    <col min="2822" max="2822" width="4.75" style="139" customWidth="1"/>
    <col min="2823" max="2823" width="3.5" style="139" customWidth="1"/>
    <col min="2824" max="2824" width="2.5" style="139" customWidth="1"/>
    <col min="2825" max="3072" width="3.5" style="139"/>
    <col min="3073" max="3073" width="3.5" style="139" customWidth="1"/>
    <col min="3074" max="3074" width="3" style="139" customWidth="1"/>
    <col min="3075" max="3077" width="3.5" style="139" customWidth="1"/>
    <col min="3078" max="3078" width="4.75" style="139" customWidth="1"/>
    <col min="3079" max="3079" width="3.5" style="139" customWidth="1"/>
    <col min="3080" max="3080" width="2.5" style="139" customWidth="1"/>
    <col min="3081" max="3328" width="3.5" style="139"/>
    <col min="3329" max="3329" width="3.5" style="139" customWidth="1"/>
    <col min="3330" max="3330" width="3" style="139" customWidth="1"/>
    <col min="3331" max="3333" width="3.5" style="139" customWidth="1"/>
    <col min="3334" max="3334" width="4.75" style="139" customWidth="1"/>
    <col min="3335" max="3335" width="3.5" style="139" customWidth="1"/>
    <col min="3336" max="3336" width="2.5" style="139" customWidth="1"/>
    <col min="3337" max="3584" width="3.5" style="139"/>
    <col min="3585" max="3585" width="3.5" style="139" customWidth="1"/>
    <col min="3586" max="3586" width="3" style="139" customWidth="1"/>
    <col min="3587" max="3589" width="3.5" style="139" customWidth="1"/>
    <col min="3590" max="3590" width="4.75" style="139" customWidth="1"/>
    <col min="3591" max="3591" width="3.5" style="139" customWidth="1"/>
    <col min="3592" max="3592" width="2.5" style="139" customWidth="1"/>
    <col min="3593" max="3840" width="3.5" style="139"/>
    <col min="3841" max="3841" width="3.5" style="139" customWidth="1"/>
    <col min="3842" max="3842" width="3" style="139" customWidth="1"/>
    <col min="3843" max="3845" width="3.5" style="139" customWidth="1"/>
    <col min="3846" max="3846" width="4.75" style="139" customWidth="1"/>
    <col min="3847" max="3847" width="3.5" style="139" customWidth="1"/>
    <col min="3848" max="3848" width="2.5" style="139" customWidth="1"/>
    <col min="3849" max="4096" width="3.5" style="139"/>
    <col min="4097" max="4097" width="3.5" style="139" customWidth="1"/>
    <col min="4098" max="4098" width="3" style="139" customWidth="1"/>
    <col min="4099" max="4101" width="3.5" style="139" customWidth="1"/>
    <col min="4102" max="4102" width="4.75" style="139" customWidth="1"/>
    <col min="4103" max="4103" width="3.5" style="139" customWidth="1"/>
    <col min="4104" max="4104" width="2.5" style="139" customWidth="1"/>
    <col min="4105" max="4352" width="3.5" style="139"/>
    <col min="4353" max="4353" width="3.5" style="139" customWidth="1"/>
    <col min="4354" max="4354" width="3" style="139" customWidth="1"/>
    <col min="4355" max="4357" width="3.5" style="139" customWidth="1"/>
    <col min="4358" max="4358" width="4.75" style="139" customWidth="1"/>
    <col min="4359" max="4359" width="3.5" style="139" customWidth="1"/>
    <col min="4360" max="4360" width="2.5" style="139" customWidth="1"/>
    <col min="4361" max="4608" width="3.5" style="139"/>
    <col min="4609" max="4609" width="3.5" style="139" customWidth="1"/>
    <col min="4610" max="4610" width="3" style="139" customWidth="1"/>
    <col min="4611" max="4613" width="3.5" style="139" customWidth="1"/>
    <col min="4614" max="4614" width="4.75" style="139" customWidth="1"/>
    <col min="4615" max="4615" width="3.5" style="139" customWidth="1"/>
    <col min="4616" max="4616" width="2.5" style="139" customWidth="1"/>
    <col min="4617" max="4864" width="3.5" style="139"/>
    <col min="4865" max="4865" width="3.5" style="139" customWidth="1"/>
    <col min="4866" max="4866" width="3" style="139" customWidth="1"/>
    <col min="4867" max="4869" width="3.5" style="139" customWidth="1"/>
    <col min="4870" max="4870" width="4.75" style="139" customWidth="1"/>
    <col min="4871" max="4871" width="3.5" style="139" customWidth="1"/>
    <col min="4872" max="4872" width="2.5" style="139" customWidth="1"/>
    <col min="4873" max="5120" width="3.5" style="139"/>
    <col min="5121" max="5121" width="3.5" style="139" customWidth="1"/>
    <col min="5122" max="5122" width="3" style="139" customWidth="1"/>
    <col min="5123" max="5125" width="3.5" style="139" customWidth="1"/>
    <col min="5126" max="5126" width="4.75" style="139" customWidth="1"/>
    <col min="5127" max="5127" width="3.5" style="139" customWidth="1"/>
    <col min="5128" max="5128" width="2.5" style="139" customWidth="1"/>
    <col min="5129" max="5376" width="3.5" style="139"/>
    <col min="5377" max="5377" width="3.5" style="139" customWidth="1"/>
    <col min="5378" max="5378" width="3" style="139" customWidth="1"/>
    <col min="5379" max="5381" width="3.5" style="139" customWidth="1"/>
    <col min="5382" max="5382" width="4.75" style="139" customWidth="1"/>
    <col min="5383" max="5383" width="3.5" style="139" customWidth="1"/>
    <col min="5384" max="5384" width="2.5" style="139" customWidth="1"/>
    <col min="5385" max="5632" width="3.5" style="139"/>
    <col min="5633" max="5633" width="3.5" style="139" customWidth="1"/>
    <col min="5634" max="5634" width="3" style="139" customWidth="1"/>
    <col min="5635" max="5637" width="3.5" style="139" customWidth="1"/>
    <col min="5638" max="5638" width="4.75" style="139" customWidth="1"/>
    <col min="5639" max="5639" width="3.5" style="139" customWidth="1"/>
    <col min="5640" max="5640" width="2.5" style="139" customWidth="1"/>
    <col min="5641" max="5888" width="3.5" style="139"/>
    <col min="5889" max="5889" width="3.5" style="139" customWidth="1"/>
    <col min="5890" max="5890" width="3" style="139" customWidth="1"/>
    <col min="5891" max="5893" width="3.5" style="139" customWidth="1"/>
    <col min="5894" max="5894" width="4.75" style="139" customWidth="1"/>
    <col min="5895" max="5895" width="3.5" style="139" customWidth="1"/>
    <col min="5896" max="5896" width="2.5" style="139" customWidth="1"/>
    <col min="5897" max="6144" width="3.5" style="139"/>
    <col min="6145" max="6145" width="3.5" style="139" customWidth="1"/>
    <col min="6146" max="6146" width="3" style="139" customWidth="1"/>
    <col min="6147" max="6149" width="3.5" style="139" customWidth="1"/>
    <col min="6150" max="6150" width="4.75" style="139" customWidth="1"/>
    <col min="6151" max="6151" width="3.5" style="139" customWidth="1"/>
    <col min="6152" max="6152" width="2.5" style="139" customWidth="1"/>
    <col min="6153" max="6400" width="3.5" style="139"/>
    <col min="6401" max="6401" width="3.5" style="139" customWidth="1"/>
    <col min="6402" max="6402" width="3" style="139" customWidth="1"/>
    <col min="6403" max="6405" width="3.5" style="139" customWidth="1"/>
    <col min="6406" max="6406" width="4.75" style="139" customWidth="1"/>
    <col min="6407" max="6407" width="3.5" style="139" customWidth="1"/>
    <col min="6408" max="6408" width="2.5" style="139" customWidth="1"/>
    <col min="6409" max="6656" width="3.5" style="139"/>
    <col min="6657" max="6657" width="3.5" style="139" customWidth="1"/>
    <col min="6658" max="6658" width="3" style="139" customWidth="1"/>
    <col min="6659" max="6661" width="3.5" style="139" customWidth="1"/>
    <col min="6662" max="6662" width="4.75" style="139" customWidth="1"/>
    <col min="6663" max="6663" width="3.5" style="139" customWidth="1"/>
    <col min="6664" max="6664" width="2.5" style="139" customWidth="1"/>
    <col min="6665" max="6912" width="3.5" style="139"/>
    <col min="6913" max="6913" width="3.5" style="139" customWidth="1"/>
    <col min="6914" max="6914" width="3" style="139" customWidth="1"/>
    <col min="6915" max="6917" width="3.5" style="139" customWidth="1"/>
    <col min="6918" max="6918" width="4.75" style="139" customWidth="1"/>
    <col min="6919" max="6919" width="3.5" style="139" customWidth="1"/>
    <col min="6920" max="6920" width="2.5" style="139" customWidth="1"/>
    <col min="6921" max="7168" width="3.5" style="139"/>
    <col min="7169" max="7169" width="3.5" style="139" customWidth="1"/>
    <col min="7170" max="7170" width="3" style="139" customWidth="1"/>
    <col min="7171" max="7173" width="3.5" style="139" customWidth="1"/>
    <col min="7174" max="7174" width="4.75" style="139" customWidth="1"/>
    <col min="7175" max="7175" width="3.5" style="139" customWidth="1"/>
    <col min="7176" max="7176" width="2.5" style="139" customWidth="1"/>
    <col min="7177" max="7424" width="3.5" style="139"/>
    <col min="7425" max="7425" width="3.5" style="139" customWidth="1"/>
    <col min="7426" max="7426" width="3" style="139" customWidth="1"/>
    <col min="7427" max="7429" width="3.5" style="139" customWidth="1"/>
    <col min="7430" max="7430" width="4.75" style="139" customWidth="1"/>
    <col min="7431" max="7431" width="3.5" style="139" customWidth="1"/>
    <col min="7432" max="7432" width="2.5" style="139" customWidth="1"/>
    <col min="7433" max="7680" width="3.5" style="139"/>
    <col min="7681" max="7681" width="3.5" style="139" customWidth="1"/>
    <col min="7682" max="7682" width="3" style="139" customWidth="1"/>
    <col min="7683" max="7685" width="3.5" style="139" customWidth="1"/>
    <col min="7686" max="7686" width="4.75" style="139" customWidth="1"/>
    <col min="7687" max="7687" width="3.5" style="139" customWidth="1"/>
    <col min="7688" max="7688" width="2.5" style="139" customWidth="1"/>
    <col min="7689" max="7936" width="3.5" style="139"/>
    <col min="7937" max="7937" width="3.5" style="139" customWidth="1"/>
    <col min="7938" max="7938" width="3" style="139" customWidth="1"/>
    <col min="7939" max="7941" width="3.5" style="139" customWidth="1"/>
    <col min="7942" max="7942" width="4.75" style="139" customWidth="1"/>
    <col min="7943" max="7943" width="3.5" style="139" customWidth="1"/>
    <col min="7944" max="7944" width="2.5" style="139" customWidth="1"/>
    <col min="7945" max="8192" width="3.5" style="139"/>
    <col min="8193" max="8193" width="3.5" style="139" customWidth="1"/>
    <col min="8194" max="8194" width="3" style="139" customWidth="1"/>
    <col min="8195" max="8197" width="3.5" style="139" customWidth="1"/>
    <col min="8198" max="8198" width="4.75" style="139" customWidth="1"/>
    <col min="8199" max="8199" width="3.5" style="139" customWidth="1"/>
    <col min="8200" max="8200" width="2.5" style="139" customWidth="1"/>
    <col min="8201" max="8448" width="3.5" style="139"/>
    <col min="8449" max="8449" width="3.5" style="139" customWidth="1"/>
    <col min="8450" max="8450" width="3" style="139" customWidth="1"/>
    <col min="8451" max="8453" width="3.5" style="139" customWidth="1"/>
    <col min="8454" max="8454" width="4.75" style="139" customWidth="1"/>
    <col min="8455" max="8455" width="3.5" style="139" customWidth="1"/>
    <col min="8456" max="8456" width="2.5" style="139" customWidth="1"/>
    <col min="8457" max="8704" width="3.5" style="139"/>
    <col min="8705" max="8705" width="3.5" style="139" customWidth="1"/>
    <col min="8706" max="8706" width="3" style="139" customWidth="1"/>
    <col min="8707" max="8709" width="3.5" style="139" customWidth="1"/>
    <col min="8710" max="8710" width="4.75" style="139" customWidth="1"/>
    <col min="8711" max="8711" width="3.5" style="139" customWidth="1"/>
    <col min="8712" max="8712" width="2.5" style="139" customWidth="1"/>
    <col min="8713" max="8960" width="3.5" style="139"/>
    <col min="8961" max="8961" width="3.5" style="139" customWidth="1"/>
    <col min="8962" max="8962" width="3" style="139" customWidth="1"/>
    <col min="8963" max="8965" width="3.5" style="139" customWidth="1"/>
    <col min="8966" max="8966" width="4.75" style="139" customWidth="1"/>
    <col min="8967" max="8967" width="3.5" style="139" customWidth="1"/>
    <col min="8968" max="8968" width="2.5" style="139" customWidth="1"/>
    <col min="8969" max="9216" width="3.5" style="139"/>
    <col min="9217" max="9217" width="3.5" style="139" customWidth="1"/>
    <col min="9218" max="9218" width="3" style="139" customWidth="1"/>
    <col min="9219" max="9221" width="3.5" style="139" customWidth="1"/>
    <col min="9222" max="9222" width="4.75" style="139" customWidth="1"/>
    <col min="9223" max="9223" width="3.5" style="139" customWidth="1"/>
    <col min="9224" max="9224" width="2.5" style="139" customWidth="1"/>
    <col min="9225" max="9472" width="3.5" style="139"/>
    <col min="9473" max="9473" width="3.5" style="139" customWidth="1"/>
    <col min="9474" max="9474" width="3" style="139" customWidth="1"/>
    <col min="9475" max="9477" width="3.5" style="139" customWidth="1"/>
    <col min="9478" max="9478" width="4.75" style="139" customWidth="1"/>
    <col min="9479" max="9479" width="3.5" style="139" customWidth="1"/>
    <col min="9480" max="9480" width="2.5" style="139" customWidth="1"/>
    <col min="9481" max="9728" width="3.5" style="139"/>
    <col min="9729" max="9729" width="3.5" style="139" customWidth="1"/>
    <col min="9730" max="9730" width="3" style="139" customWidth="1"/>
    <col min="9731" max="9733" width="3.5" style="139" customWidth="1"/>
    <col min="9734" max="9734" width="4.75" style="139" customWidth="1"/>
    <col min="9735" max="9735" width="3.5" style="139" customWidth="1"/>
    <col min="9736" max="9736" width="2.5" style="139" customWidth="1"/>
    <col min="9737" max="9984" width="3.5" style="139"/>
    <col min="9985" max="9985" width="3.5" style="139" customWidth="1"/>
    <col min="9986" max="9986" width="3" style="139" customWidth="1"/>
    <col min="9987" max="9989" width="3.5" style="139" customWidth="1"/>
    <col min="9990" max="9990" width="4.75" style="139" customWidth="1"/>
    <col min="9991" max="9991" width="3.5" style="139" customWidth="1"/>
    <col min="9992" max="9992" width="2.5" style="139" customWidth="1"/>
    <col min="9993" max="10240" width="3.5" style="139"/>
    <col min="10241" max="10241" width="3.5" style="139" customWidth="1"/>
    <col min="10242" max="10242" width="3" style="139" customWidth="1"/>
    <col min="10243" max="10245" width="3.5" style="139" customWidth="1"/>
    <col min="10246" max="10246" width="4.75" style="139" customWidth="1"/>
    <col min="10247" max="10247" width="3.5" style="139" customWidth="1"/>
    <col min="10248" max="10248" width="2.5" style="139" customWidth="1"/>
    <col min="10249" max="10496" width="3.5" style="139"/>
    <col min="10497" max="10497" width="3.5" style="139" customWidth="1"/>
    <col min="10498" max="10498" width="3" style="139" customWidth="1"/>
    <col min="10499" max="10501" width="3.5" style="139" customWidth="1"/>
    <col min="10502" max="10502" width="4.75" style="139" customWidth="1"/>
    <col min="10503" max="10503" width="3.5" style="139" customWidth="1"/>
    <col min="10504" max="10504" width="2.5" style="139" customWidth="1"/>
    <col min="10505" max="10752" width="3.5" style="139"/>
    <col min="10753" max="10753" width="3.5" style="139" customWidth="1"/>
    <col min="10754" max="10754" width="3" style="139" customWidth="1"/>
    <col min="10755" max="10757" width="3.5" style="139" customWidth="1"/>
    <col min="10758" max="10758" width="4.75" style="139" customWidth="1"/>
    <col min="10759" max="10759" width="3.5" style="139" customWidth="1"/>
    <col min="10760" max="10760" width="2.5" style="139" customWidth="1"/>
    <col min="10761" max="11008" width="3.5" style="139"/>
    <col min="11009" max="11009" width="3.5" style="139" customWidth="1"/>
    <col min="11010" max="11010" width="3" style="139" customWidth="1"/>
    <col min="11011" max="11013" width="3.5" style="139" customWidth="1"/>
    <col min="11014" max="11014" width="4.75" style="139" customWidth="1"/>
    <col min="11015" max="11015" width="3.5" style="139" customWidth="1"/>
    <col min="11016" max="11016" width="2.5" style="139" customWidth="1"/>
    <col min="11017" max="11264" width="3.5" style="139"/>
    <col min="11265" max="11265" width="3.5" style="139" customWidth="1"/>
    <col min="11266" max="11266" width="3" style="139" customWidth="1"/>
    <col min="11267" max="11269" width="3.5" style="139" customWidth="1"/>
    <col min="11270" max="11270" width="4.75" style="139" customWidth="1"/>
    <col min="11271" max="11271" width="3.5" style="139" customWidth="1"/>
    <col min="11272" max="11272" width="2.5" style="139" customWidth="1"/>
    <col min="11273" max="11520" width="3.5" style="139"/>
    <col min="11521" max="11521" width="3.5" style="139" customWidth="1"/>
    <col min="11522" max="11522" width="3" style="139" customWidth="1"/>
    <col min="11523" max="11525" width="3.5" style="139" customWidth="1"/>
    <col min="11526" max="11526" width="4.75" style="139" customWidth="1"/>
    <col min="11527" max="11527" width="3.5" style="139" customWidth="1"/>
    <col min="11528" max="11528" width="2.5" style="139" customWidth="1"/>
    <col min="11529" max="11776" width="3.5" style="139"/>
    <col min="11777" max="11777" width="3.5" style="139" customWidth="1"/>
    <col min="11778" max="11778" width="3" style="139" customWidth="1"/>
    <col min="11779" max="11781" width="3.5" style="139" customWidth="1"/>
    <col min="11782" max="11782" width="4.75" style="139" customWidth="1"/>
    <col min="11783" max="11783" width="3.5" style="139" customWidth="1"/>
    <col min="11784" max="11784" width="2.5" style="139" customWidth="1"/>
    <col min="11785" max="12032" width="3.5" style="139"/>
    <col min="12033" max="12033" width="3.5" style="139" customWidth="1"/>
    <col min="12034" max="12034" width="3" style="139" customWidth="1"/>
    <col min="12035" max="12037" width="3.5" style="139" customWidth="1"/>
    <col min="12038" max="12038" width="4.75" style="139" customWidth="1"/>
    <col min="12039" max="12039" width="3.5" style="139" customWidth="1"/>
    <col min="12040" max="12040" width="2.5" style="139" customWidth="1"/>
    <col min="12041" max="12288" width="3.5" style="139"/>
    <col min="12289" max="12289" width="3.5" style="139" customWidth="1"/>
    <col min="12290" max="12290" width="3" style="139" customWidth="1"/>
    <col min="12291" max="12293" width="3.5" style="139" customWidth="1"/>
    <col min="12294" max="12294" width="4.75" style="139" customWidth="1"/>
    <col min="12295" max="12295" width="3.5" style="139" customWidth="1"/>
    <col min="12296" max="12296" width="2.5" style="139" customWidth="1"/>
    <col min="12297" max="12544" width="3.5" style="139"/>
    <col min="12545" max="12545" width="3.5" style="139" customWidth="1"/>
    <col min="12546" max="12546" width="3" style="139" customWidth="1"/>
    <col min="12547" max="12549" width="3.5" style="139" customWidth="1"/>
    <col min="12550" max="12550" width="4.75" style="139" customWidth="1"/>
    <col min="12551" max="12551" width="3.5" style="139" customWidth="1"/>
    <col min="12552" max="12552" width="2.5" style="139" customWidth="1"/>
    <col min="12553" max="12800" width="3.5" style="139"/>
    <col min="12801" max="12801" width="3.5" style="139" customWidth="1"/>
    <col min="12802" max="12802" width="3" style="139" customWidth="1"/>
    <col min="12803" max="12805" width="3.5" style="139" customWidth="1"/>
    <col min="12806" max="12806" width="4.75" style="139" customWidth="1"/>
    <col min="12807" max="12807" width="3.5" style="139" customWidth="1"/>
    <col min="12808" max="12808" width="2.5" style="139" customWidth="1"/>
    <col min="12809" max="13056" width="3.5" style="139"/>
    <col min="13057" max="13057" width="3.5" style="139" customWidth="1"/>
    <col min="13058" max="13058" width="3" style="139" customWidth="1"/>
    <col min="13059" max="13061" width="3.5" style="139" customWidth="1"/>
    <col min="13062" max="13062" width="4.75" style="139" customWidth="1"/>
    <col min="13063" max="13063" width="3.5" style="139" customWidth="1"/>
    <col min="13064" max="13064" width="2.5" style="139" customWidth="1"/>
    <col min="13065" max="13312" width="3.5" style="139"/>
    <col min="13313" max="13313" width="3.5" style="139" customWidth="1"/>
    <col min="13314" max="13314" width="3" style="139" customWidth="1"/>
    <col min="13315" max="13317" width="3.5" style="139" customWidth="1"/>
    <col min="13318" max="13318" width="4.75" style="139" customWidth="1"/>
    <col min="13319" max="13319" width="3.5" style="139" customWidth="1"/>
    <col min="13320" max="13320" width="2.5" style="139" customWidth="1"/>
    <col min="13321" max="13568" width="3.5" style="139"/>
    <col min="13569" max="13569" width="3.5" style="139" customWidth="1"/>
    <col min="13570" max="13570" width="3" style="139" customWidth="1"/>
    <col min="13571" max="13573" width="3.5" style="139" customWidth="1"/>
    <col min="13574" max="13574" width="4.75" style="139" customWidth="1"/>
    <col min="13575" max="13575" width="3.5" style="139" customWidth="1"/>
    <col min="13576" max="13576" width="2.5" style="139" customWidth="1"/>
    <col min="13577" max="13824" width="3.5" style="139"/>
    <col min="13825" max="13825" width="3.5" style="139" customWidth="1"/>
    <col min="13826" max="13826" width="3" style="139" customWidth="1"/>
    <col min="13827" max="13829" width="3.5" style="139" customWidth="1"/>
    <col min="13830" max="13830" width="4.75" style="139" customWidth="1"/>
    <col min="13831" max="13831" width="3.5" style="139" customWidth="1"/>
    <col min="13832" max="13832" width="2.5" style="139" customWidth="1"/>
    <col min="13833" max="14080" width="3.5" style="139"/>
    <col min="14081" max="14081" width="3.5" style="139" customWidth="1"/>
    <col min="14082" max="14082" width="3" style="139" customWidth="1"/>
    <col min="14083" max="14085" width="3.5" style="139" customWidth="1"/>
    <col min="14086" max="14086" width="4.75" style="139" customWidth="1"/>
    <col min="14087" max="14087" width="3.5" style="139" customWidth="1"/>
    <col min="14088" max="14088" width="2.5" style="139" customWidth="1"/>
    <col min="14089" max="14336" width="3.5" style="139"/>
    <col min="14337" max="14337" width="3.5" style="139" customWidth="1"/>
    <col min="14338" max="14338" width="3" style="139" customWidth="1"/>
    <col min="14339" max="14341" width="3.5" style="139" customWidth="1"/>
    <col min="14342" max="14342" width="4.75" style="139" customWidth="1"/>
    <col min="14343" max="14343" width="3.5" style="139" customWidth="1"/>
    <col min="14344" max="14344" width="2.5" style="139" customWidth="1"/>
    <col min="14345" max="14592" width="3.5" style="139"/>
    <col min="14593" max="14593" width="3.5" style="139" customWidth="1"/>
    <col min="14594" max="14594" width="3" style="139" customWidth="1"/>
    <col min="14595" max="14597" width="3.5" style="139" customWidth="1"/>
    <col min="14598" max="14598" width="4.75" style="139" customWidth="1"/>
    <col min="14599" max="14599" width="3.5" style="139" customWidth="1"/>
    <col min="14600" max="14600" width="2.5" style="139" customWidth="1"/>
    <col min="14601" max="14848" width="3.5" style="139"/>
    <col min="14849" max="14849" width="3.5" style="139" customWidth="1"/>
    <col min="14850" max="14850" width="3" style="139" customWidth="1"/>
    <col min="14851" max="14853" width="3.5" style="139" customWidth="1"/>
    <col min="14854" max="14854" width="4.75" style="139" customWidth="1"/>
    <col min="14855" max="14855" width="3.5" style="139" customWidth="1"/>
    <col min="14856" max="14856" width="2.5" style="139" customWidth="1"/>
    <col min="14857" max="15104" width="3.5" style="139"/>
    <col min="15105" max="15105" width="3.5" style="139" customWidth="1"/>
    <col min="15106" max="15106" width="3" style="139" customWidth="1"/>
    <col min="15107" max="15109" width="3.5" style="139" customWidth="1"/>
    <col min="15110" max="15110" width="4.75" style="139" customWidth="1"/>
    <col min="15111" max="15111" width="3.5" style="139" customWidth="1"/>
    <col min="15112" max="15112" width="2.5" style="139" customWidth="1"/>
    <col min="15113" max="15360" width="3.5" style="139"/>
    <col min="15361" max="15361" width="3.5" style="139" customWidth="1"/>
    <col min="15362" max="15362" width="3" style="139" customWidth="1"/>
    <col min="15363" max="15365" width="3.5" style="139" customWidth="1"/>
    <col min="15366" max="15366" width="4.75" style="139" customWidth="1"/>
    <col min="15367" max="15367" width="3.5" style="139" customWidth="1"/>
    <col min="15368" max="15368" width="2.5" style="139" customWidth="1"/>
    <col min="15369" max="15616" width="3.5" style="139"/>
    <col min="15617" max="15617" width="3.5" style="139" customWidth="1"/>
    <col min="15618" max="15618" width="3" style="139" customWidth="1"/>
    <col min="15619" max="15621" width="3.5" style="139" customWidth="1"/>
    <col min="15622" max="15622" width="4.75" style="139" customWidth="1"/>
    <col min="15623" max="15623" width="3.5" style="139" customWidth="1"/>
    <col min="15624" max="15624" width="2.5" style="139" customWidth="1"/>
    <col min="15625" max="15872" width="3.5" style="139"/>
    <col min="15873" max="15873" width="3.5" style="139" customWidth="1"/>
    <col min="15874" max="15874" width="3" style="139" customWidth="1"/>
    <col min="15875" max="15877" width="3.5" style="139" customWidth="1"/>
    <col min="15878" max="15878" width="4.75" style="139" customWidth="1"/>
    <col min="15879" max="15879" width="3.5" style="139" customWidth="1"/>
    <col min="15880" max="15880" width="2.5" style="139" customWidth="1"/>
    <col min="15881" max="16128" width="3.5" style="139"/>
    <col min="16129" max="16129" width="3.5" style="139" customWidth="1"/>
    <col min="16130" max="16130" width="3" style="139" customWidth="1"/>
    <col min="16131" max="16133" width="3.5" style="139" customWidth="1"/>
    <col min="16134" max="16134" width="4.75" style="139" customWidth="1"/>
    <col min="16135" max="16135" width="3.5" style="139" customWidth="1"/>
    <col min="16136" max="16136" width="2.5" style="139" customWidth="1"/>
    <col min="16137" max="16384" width="3.5" style="139"/>
  </cols>
  <sheetData>
    <row r="1" spans="2:28" s="114" customFormat="1" x14ac:dyDescent="0.15"/>
    <row r="2" spans="2:28" s="114" customFormat="1" x14ac:dyDescent="0.15">
      <c r="B2" s="114" t="s">
        <v>228</v>
      </c>
      <c r="AA2" s="115" t="s">
        <v>161</v>
      </c>
    </row>
    <row r="3" spans="2:28" s="114" customFormat="1" ht="8.25" customHeight="1" x14ac:dyDescent="0.15"/>
    <row r="4" spans="2:28" s="114" customFormat="1" ht="36.75" customHeight="1" x14ac:dyDescent="0.15">
      <c r="B4" s="473" t="s">
        <v>229</v>
      </c>
      <c r="C4" s="473"/>
      <c r="D4" s="473"/>
      <c r="E4" s="473"/>
      <c r="F4" s="473"/>
      <c r="G4" s="473"/>
      <c r="H4" s="473"/>
      <c r="I4" s="473"/>
      <c r="J4" s="473"/>
      <c r="K4" s="473"/>
      <c r="L4" s="473"/>
      <c r="M4" s="473"/>
      <c r="N4" s="473"/>
      <c r="O4" s="473"/>
      <c r="P4" s="473"/>
      <c r="Q4" s="473"/>
      <c r="R4" s="473"/>
      <c r="S4" s="473"/>
      <c r="T4" s="473"/>
      <c r="U4" s="473"/>
      <c r="V4" s="473"/>
      <c r="W4" s="473"/>
      <c r="X4" s="473"/>
      <c r="Y4" s="473"/>
      <c r="Z4" s="473"/>
      <c r="AA4" s="473"/>
      <c r="AB4" s="473"/>
    </row>
    <row r="5" spans="2:28" s="114" customFormat="1" ht="6.75" customHeight="1" x14ac:dyDescent="0.15"/>
    <row r="6" spans="2:28" s="114" customFormat="1" ht="19.5" customHeight="1" x14ac:dyDescent="0.15">
      <c r="B6" s="474" t="s">
        <v>26</v>
      </c>
      <c r="C6" s="474"/>
      <c r="D6" s="474"/>
      <c r="E6" s="474"/>
      <c r="F6" s="474"/>
      <c r="G6" s="475"/>
      <c r="H6" s="476"/>
      <c r="I6" s="476"/>
      <c r="J6" s="476"/>
      <c r="K6" s="476"/>
      <c r="L6" s="476"/>
      <c r="M6" s="476"/>
      <c r="N6" s="476"/>
      <c r="O6" s="476"/>
      <c r="P6" s="476"/>
      <c r="Q6" s="476"/>
      <c r="R6" s="476"/>
      <c r="S6" s="476"/>
      <c r="T6" s="476"/>
      <c r="U6" s="476"/>
      <c r="V6" s="476"/>
      <c r="W6" s="476"/>
      <c r="X6" s="476"/>
      <c r="Y6" s="476"/>
      <c r="Z6" s="476"/>
      <c r="AA6" s="477"/>
    </row>
    <row r="7" spans="2:28" s="114" customFormat="1" ht="9" customHeight="1" x14ac:dyDescent="0.15"/>
    <row r="8" spans="2:28" s="114" customFormat="1" ht="6" customHeight="1" x14ac:dyDescent="0.15">
      <c r="B8" s="116"/>
      <c r="C8" s="117"/>
      <c r="D8" s="117"/>
      <c r="E8" s="117"/>
      <c r="F8" s="117"/>
      <c r="G8" s="117"/>
      <c r="H8" s="117"/>
      <c r="I8" s="117"/>
      <c r="J8" s="117"/>
      <c r="K8" s="117"/>
      <c r="L8" s="117"/>
      <c r="M8" s="117"/>
      <c r="N8" s="117"/>
      <c r="O8" s="117"/>
      <c r="P8" s="117"/>
      <c r="Q8" s="117"/>
      <c r="R8" s="117"/>
      <c r="S8" s="117"/>
      <c r="T8" s="117"/>
      <c r="U8" s="117"/>
      <c r="V8" s="117"/>
      <c r="W8" s="117"/>
      <c r="X8" s="117"/>
      <c r="Y8" s="117"/>
      <c r="Z8" s="117"/>
      <c r="AA8" s="118"/>
    </row>
    <row r="9" spans="2:28" s="114" customFormat="1" ht="21" customHeight="1" x14ac:dyDescent="0.15">
      <c r="B9" s="119"/>
      <c r="C9" s="114" t="s">
        <v>230</v>
      </c>
      <c r="AA9" s="120"/>
    </row>
    <row r="10" spans="2:28" s="114" customFormat="1" ht="19.5" customHeight="1" x14ac:dyDescent="0.15">
      <c r="B10" s="119"/>
      <c r="C10" s="478" t="s">
        <v>231</v>
      </c>
      <c r="D10" s="478"/>
      <c r="E10" s="478"/>
      <c r="F10" s="478"/>
      <c r="G10" s="478" t="s">
        <v>232</v>
      </c>
      <c r="H10" s="478"/>
      <c r="I10" s="478"/>
      <c r="J10" s="478"/>
      <c r="K10" s="478"/>
      <c r="L10" s="478"/>
      <c r="M10" s="478"/>
      <c r="N10" s="478"/>
      <c r="O10" s="478"/>
      <c r="P10" s="478"/>
      <c r="Q10" s="121"/>
      <c r="R10" s="121"/>
      <c r="S10" s="121"/>
      <c r="T10" s="121"/>
      <c r="U10" s="121"/>
      <c r="Y10" s="122"/>
      <c r="Z10" s="122"/>
      <c r="AA10" s="120"/>
    </row>
    <row r="11" spans="2:28" s="114" customFormat="1" ht="6" customHeight="1" x14ac:dyDescent="0.15">
      <c r="B11" s="119"/>
      <c r="C11" s="123"/>
      <c r="D11" s="123"/>
      <c r="E11" s="123"/>
      <c r="F11" s="123"/>
      <c r="G11" s="123"/>
      <c r="H11" s="123"/>
      <c r="I11" s="123"/>
      <c r="J11" s="123"/>
      <c r="K11" s="123"/>
      <c r="M11" s="123"/>
      <c r="N11" s="123"/>
      <c r="O11" s="123"/>
      <c r="P11" s="123"/>
      <c r="Q11" s="123"/>
      <c r="R11" s="123"/>
      <c r="S11" s="123"/>
      <c r="T11" s="123"/>
      <c r="U11" s="123"/>
      <c r="Y11" s="122"/>
      <c r="Z11" s="122"/>
      <c r="AA11" s="120"/>
    </row>
    <row r="12" spans="2:28" s="114" customFormat="1" ht="21" customHeight="1" x14ac:dyDescent="0.15">
      <c r="B12" s="119"/>
      <c r="C12" s="114" t="s">
        <v>233</v>
      </c>
      <c r="AA12" s="120"/>
    </row>
    <row r="13" spans="2:28" s="114" customFormat="1" ht="19.5" customHeight="1" x14ac:dyDescent="0.15">
      <c r="B13" s="119"/>
      <c r="C13" s="475" t="s">
        <v>234</v>
      </c>
      <c r="D13" s="476"/>
      <c r="E13" s="476"/>
      <c r="F13" s="477"/>
      <c r="G13" s="475" t="s">
        <v>235</v>
      </c>
      <c r="H13" s="476"/>
      <c r="I13" s="476"/>
      <c r="J13" s="476"/>
      <c r="K13" s="477"/>
      <c r="M13" s="475" t="s">
        <v>236</v>
      </c>
      <c r="N13" s="476"/>
      <c r="O13" s="476"/>
      <c r="P13" s="477"/>
      <c r="Q13" s="475" t="s">
        <v>235</v>
      </c>
      <c r="R13" s="476"/>
      <c r="S13" s="476"/>
      <c r="T13" s="476"/>
      <c r="U13" s="477"/>
      <c r="Y13" s="122"/>
      <c r="Z13" s="122"/>
      <c r="AA13" s="120"/>
    </row>
    <row r="14" spans="2:28" s="114" customFormat="1" ht="7.5" customHeight="1" x14ac:dyDescent="0.15">
      <c r="B14" s="119"/>
      <c r="C14" s="123"/>
      <c r="D14" s="123"/>
      <c r="E14" s="123"/>
      <c r="F14" s="123"/>
      <c r="G14" s="123"/>
      <c r="H14" s="123"/>
      <c r="I14" s="123"/>
      <c r="J14" s="123"/>
      <c r="K14" s="123"/>
      <c r="Y14" s="122"/>
      <c r="Z14" s="122"/>
      <c r="AA14" s="120"/>
    </row>
    <row r="15" spans="2:28" s="114" customFormat="1" ht="19.5" customHeight="1" x14ac:dyDescent="0.15">
      <c r="B15" s="119"/>
      <c r="C15" s="114" t="s">
        <v>237</v>
      </c>
      <c r="D15" s="123"/>
      <c r="E15" s="123"/>
      <c r="F15" s="123"/>
      <c r="G15" s="123"/>
      <c r="H15" s="123"/>
      <c r="I15" s="123"/>
      <c r="J15" s="123"/>
      <c r="K15" s="123"/>
      <c r="L15" s="123"/>
      <c r="M15" s="123"/>
      <c r="N15" s="123"/>
      <c r="O15" s="123"/>
      <c r="Y15" s="122"/>
      <c r="Z15" s="122"/>
      <c r="AA15" s="120"/>
    </row>
    <row r="16" spans="2:28" s="114" customFormat="1" ht="19.5" customHeight="1" x14ac:dyDescent="0.15">
      <c r="B16" s="119"/>
      <c r="C16" s="474" t="s">
        <v>238</v>
      </c>
      <c r="D16" s="474"/>
      <c r="E16" s="474"/>
      <c r="F16" s="474"/>
      <c r="G16" s="474" t="s">
        <v>239</v>
      </c>
      <c r="H16" s="474"/>
      <c r="I16" s="474"/>
      <c r="J16" s="474"/>
      <c r="K16" s="474"/>
      <c r="L16" s="474" t="s">
        <v>240</v>
      </c>
      <c r="M16" s="474"/>
      <c r="N16" s="474"/>
      <c r="O16" s="474"/>
      <c r="P16" s="474"/>
      <c r="Q16" s="474" t="s">
        <v>241</v>
      </c>
      <c r="R16" s="474"/>
      <c r="S16" s="474"/>
      <c r="T16" s="474"/>
      <c r="U16" s="474"/>
      <c r="V16" s="478" t="s">
        <v>242</v>
      </c>
      <c r="W16" s="478"/>
      <c r="X16" s="478"/>
      <c r="Y16" s="478"/>
      <c r="Z16" s="478"/>
      <c r="AA16" s="120"/>
    </row>
    <row r="17" spans="2:27" s="114" customFormat="1" ht="19.5" customHeight="1" x14ac:dyDescent="0.15">
      <c r="B17" s="119"/>
      <c r="C17" s="475" t="s">
        <v>243</v>
      </c>
      <c r="D17" s="476"/>
      <c r="E17" s="476"/>
      <c r="F17" s="477"/>
      <c r="G17" s="475"/>
      <c r="H17" s="476"/>
      <c r="I17" s="476"/>
      <c r="J17" s="476"/>
      <c r="K17" s="477"/>
      <c r="L17" s="474"/>
      <c r="M17" s="474"/>
      <c r="N17" s="474"/>
      <c r="O17" s="474"/>
      <c r="P17" s="474"/>
      <c r="Q17" s="475"/>
      <c r="R17" s="476"/>
      <c r="S17" s="476"/>
      <c r="T17" s="476"/>
      <c r="U17" s="477"/>
      <c r="V17" s="475"/>
      <c r="W17" s="476"/>
      <c r="X17" s="476"/>
      <c r="Y17" s="476"/>
      <c r="Z17" s="477"/>
      <c r="AA17" s="120"/>
    </row>
    <row r="18" spans="2:27" s="114" customFormat="1" ht="5.25" customHeight="1" x14ac:dyDescent="0.15">
      <c r="B18" s="119"/>
      <c r="C18" s="123"/>
      <c r="D18" s="123"/>
      <c r="E18" s="123"/>
      <c r="F18" s="123"/>
      <c r="G18" s="123"/>
      <c r="H18" s="123"/>
      <c r="I18" s="123"/>
      <c r="J18" s="123"/>
      <c r="K18" s="123"/>
      <c r="L18" s="123"/>
      <c r="M18" s="123"/>
      <c r="N18" s="123"/>
      <c r="O18" s="123"/>
      <c r="P18" s="123"/>
      <c r="Q18" s="123"/>
      <c r="R18" s="123"/>
      <c r="S18" s="123"/>
      <c r="T18" s="123"/>
      <c r="U18" s="123"/>
      <c r="V18" s="123"/>
      <c r="W18" s="123"/>
      <c r="X18" s="123"/>
      <c r="Y18" s="123"/>
      <c r="Z18" s="123"/>
      <c r="AA18" s="120"/>
    </row>
    <row r="19" spans="2:27" s="114" customFormat="1" ht="19.5" customHeight="1" x14ac:dyDescent="0.15">
      <c r="B19" s="119"/>
      <c r="C19" s="114" t="s">
        <v>244</v>
      </c>
      <c r="D19" s="123"/>
      <c r="E19" s="123"/>
      <c r="F19" s="123"/>
      <c r="G19" s="123"/>
      <c r="H19" s="123"/>
      <c r="I19" s="123"/>
      <c r="J19" s="123"/>
      <c r="K19" s="123"/>
      <c r="L19" s="475"/>
      <c r="M19" s="476"/>
      <c r="N19" s="476"/>
      <c r="O19" s="476"/>
      <c r="P19" s="477"/>
      <c r="Q19" s="114" t="s">
        <v>245</v>
      </c>
      <c r="R19" s="123"/>
      <c r="S19" s="123"/>
      <c r="T19" s="123"/>
      <c r="U19" s="123"/>
      <c r="V19" s="123"/>
      <c r="W19" s="123"/>
      <c r="X19" s="123"/>
      <c r="Y19" s="123"/>
      <c r="Z19" s="123"/>
      <c r="AA19" s="120"/>
    </row>
    <row r="20" spans="2:27" s="114" customFormat="1" ht="6" customHeight="1" x14ac:dyDescent="0.15">
      <c r="B20" s="119"/>
      <c r="D20" s="123"/>
      <c r="E20" s="123"/>
      <c r="F20" s="123"/>
      <c r="G20" s="123"/>
      <c r="H20" s="123"/>
      <c r="I20" s="123"/>
      <c r="J20" s="123"/>
      <c r="K20" s="123"/>
      <c r="L20" s="123"/>
      <c r="M20" s="123"/>
      <c r="N20" s="123"/>
      <c r="O20" s="123"/>
      <c r="Y20" s="122"/>
      <c r="Z20" s="122"/>
      <c r="AA20" s="120"/>
    </row>
    <row r="21" spans="2:27" s="114" customFormat="1" ht="19.5" customHeight="1" x14ac:dyDescent="0.15">
      <c r="B21" s="119"/>
      <c r="C21" s="114" t="s">
        <v>246</v>
      </c>
      <c r="D21" s="123"/>
      <c r="E21" s="123"/>
      <c r="F21" s="123"/>
      <c r="G21" s="123"/>
      <c r="H21" s="123"/>
      <c r="I21" s="123"/>
      <c r="J21" s="123"/>
      <c r="K21" s="123"/>
      <c r="L21" s="123"/>
      <c r="M21" s="123"/>
      <c r="N21" s="123"/>
      <c r="O21" s="123"/>
      <c r="Y21" s="122"/>
      <c r="Z21" s="122"/>
      <c r="AA21" s="120"/>
    </row>
    <row r="22" spans="2:27" s="114" customFormat="1" ht="19.5" customHeight="1" x14ac:dyDescent="0.15">
      <c r="B22" s="119"/>
      <c r="C22" s="474" t="s">
        <v>238</v>
      </c>
      <c r="D22" s="474"/>
      <c r="E22" s="474"/>
      <c r="F22" s="474"/>
      <c r="G22" s="474" t="s">
        <v>239</v>
      </c>
      <c r="H22" s="474"/>
      <c r="I22" s="474"/>
      <c r="J22" s="474"/>
      <c r="K22" s="474"/>
      <c r="L22" s="474" t="s">
        <v>240</v>
      </c>
      <c r="M22" s="474"/>
      <c r="N22" s="474"/>
      <c r="O22" s="474"/>
      <c r="P22" s="474"/>
      <c r="Q22" s="474" t="s">
        <v>241</v>
      </c>
      <c r="R22" s="474"/>
      <c r="S22" s="474"/>
      <c r="T22" s="474"/>
      <c r="U22" s="474"/>
      <c r="V22" s="478" t="s">
        <v>242</v>
      </c>
      <c r="W22" s="478"/>
      <c r="X22" s="478"/>
      <c r="Y22" s="478"/>
      <c r="Z22" s="478"/>
      <c r="AA22" s="120"/>
    </row>
    <row r="23" spans="2:27" s="114" customFormat="1" ht="19.5" customHeight="1" x14ac:dyDescent="0.15">
      <c r="B23" s="119"/>
      <c r="C23" s="475" t="s">
        <v>243</v>
      </c>
      <c r="D23" s="476"/>
      <c r="E23" s="476"/>
      <c r="F23" s="477"/>
      <c r="G23" s="475"/>
      <c r="H23" s="476"/>
      <c r="I23" s="476"/>
      <c r="J23" s="476"/>
      <c r="K23" s="477"/>
      <c r="L23" s="474"/>
      <c r="M23" s="474"/>
      <c r="N23" s="474"/>
      <c r="O23" s="474"/>
      <c r="P23" s="474"/>
      <c r="Q23" s="475"/>
      <c r="R23" s="476"/>
      <c r="S23" s="476"/>
      <c r="T23" s="476"/>
      <c r="U23" s="477"/>
      <c r="V23" s="475"/>
      <c r="W23" s="476"/>
      <c r="X23" s="476"/>
      <c r="Y23" s="476"/>
      <c r="Z23" s="477"/>
      <c r="AA23" s="120"/>
    </row>
    <row r="24" spans="2:27" s="114" customFormat="1" ht="5.25" customHeight="1" x14ac:dyDescent="0.15">
      <c r="B24" s="119"/>
      <c r="C24" s="123"/>
      <c r="D24" s="123"/>
      <c r="E24" s="123"/>
      <c r="F24" s="123"/>
      <c r="G24" s="123"/>
      <c r="H24" s="123"/>
      <c r="I24" s="123"/>
      <c r="J24" s="123"/>
      <c r="K24" s="123"/>
      <c r="L24" s="123"/>
      <c r="M24" s="123"/>
      <c r="N24" s="123"/>
      <c r="O24" s="123"/>
      <c r="P24" s="123"/>
      <c r="Q24" s="123"/>
      <c r="R24" s="123"/>
      <c r="S24" s="123"/>
      <c r="T24" s="123"/>
      <c r="U24" s="123"/>
      <c r="V24" s="123"/>
      <c r="W24" s="123"/>
      <c r="X24" s="123"/>
      <c r="Y24" s="123"/>
      <c r="Z24" s="123"/>
      <c r="AA24" s="120"/>
    </row>
    <row r="25" spans="2:27" s="114" customFormat="1" ht="19.5" customHeight="1" x14ac:dyDescent="0.15">
      <c r="B25" s="119"/>
      <c r="C25" s="114" t="s">
        <v>244</v>
      </c>
      <c r="D25" s="123"/>
      <c r="E25" s="123"/>
      <c r="F25" s="123"/>
      <c r="G25" s="123"/>
      <c r="H25" s="123"/>
      <c r="I25" s="123"/>
      <c r="J25" s="123"/>
      <c r="K25" s="123"/>
      <c r="L25" s="475"/>
      <c r="M25" s="476"/>
      <c r="N25" s="476"/>
      <c r="O25" s="476"/>
      <c r="P25" s="477"/>
      <c r="Q25" s="114" t="s">
        <v>245</v>
      </c>
      <c r="R25" s="123"/>
      <c r="S25" s="123"/>
      <c r="T25" s="123"/>
      <c r="U25" s="123"/>
      <c r="V25" s="123"/>
      <c r="W25" s="123"/>
      <c r="X25" s="123"/>
      <c r="Y25" s="123"/>
      <c r="Z25" s="123"/>
      <c r="AA25" s="120"/>
    </row>
    <row r="26" spans="2:27" s="114" customFormat="1" ht="6" customHeight="1" x14ac:dyDescent="0.15">
      <c r="B26" s="119"/>
      <c r="D26" s="123"/>
      <c r="E26" s="123"/>
      <c r="F26" s="123"/>
      <c r="G26" s="123"/>
      <c r="H26" s="123"/>
      <c r="I26" s="123"/>
      <c r="J26" s="123"/>
      <c r="K26" s="123"/>
      <c r="L26" s="123"/>
      <c r="M26" s="123"/>
      <c r="N26" s="123"/>
      <c r="O26" s="123"/>
      <c r="Y26" s="122"/>
      <c r="Z26" s="122"/>
      <c r="AA26" s="120"/>
    </row>
    <row r="27" spans="2:27" s="114" customFormat="1" ht="19.5" customHeight="1" x14ac:dyDescent="0.15">
      <c r="B27" s="119"/>
      <c r="C27" s="114" t="s">
        <v>247</v>
      </c>
      <c r="D27" s="123"/>
      <c r="E27" s="123"/>
      <c r="F27" s="123"/>
      <c r="G27" s="123"/>
      <c r="H27" s="123"/>
      <c r="I27" s="123"/>
      <c r="J27" s="123"/>
      <c r="K27" s="123"/>
      <c r="L27" s="123"/>
      <c r="M27" s="123"/>
      <c r="N27" s="123"/>
      <c r="O27" s="123"/>
      <c r="Y27" s="122"/>
      <c r="Z27" s="122"/>
      <c r="AA27" s="120"/>
    </row>
    <row r="28" spans="2:27" s="114" customFormat="1" ht="19.5" customHeight="1" x14ac:dyDescent="0.15">
      <c r="B28" s="119"/>
      <c r="C28" s="474" t="s">
        <v>238</v>
      </c>
      <c r="D28" s="474"/>
      <c r="E28" s="474"/>
      <c r="F28" s="474"/>
      <c r="G28" s="474" t="s">
        <v>239</v>
      </c>
      <c r="H28" s="474"/>
      <c r="I28" s="474"/>
      <c r="J28" s="474"/>
      <c r="K28" s="474"/>
      <c r="L28" s="474" t="s">
        <v>240</v>
      </c>
      <c r="M28" s="474"/>
      <c r="N28" s="474"/>
      <c r="O28" s="474"/>
      <c r="P28" s="474"/>
      <c r="Q28" s="474" t="s">
        <v>241</v>
      </c>
      <c r="R28" s="474"/>
      <c r="S28" s="474"/>
      <c r="T28" s="474"/>
      <c r="U28" s="474"/>
      <c r="V28" s="478" t="s">
        <v>242</v>
      </c>
      <c r="W28" s="478"/>
      <c r="X28" s="478"/>
      <c r="Y28" s="478"/>
      <c r="Z28" s="478"/>
      <c r="AA28" s="120"/>
    </row>
    <row r="29" spans="2:27" s="114" customFormat="1" ht="19.5" customHeight="1" x14ac:dyDescent="0.15">
      <c r="B29" s="119"/>
      <c r="C29" s="475" t="s">
        <v>243</v>
      </c>
      <c r="D29" s="476"/>
      <c r="E29" s="476"/>
      <c r="F29" s="477"/>
      <c r="G29" s="475"/>
      <c r="H29" s="476"/>
      <c r="I29" s="476"/>
      <c r="J29" s="476"/>
      <c r="K29" s="477"/>
      <c r="L29" s="475"/>
      <c r="M29" s="476"/>
      <c r="N29" s="476"/>
      <c r="O29" s="476"/>
      <c r="P29" s="477"/>
      <c r="Q29" s="475"/>
      <c r="R29" s="476"/>
      <c r="S29" s="476"/>
      <c r="T29" s="476"/>
      <c r="U29" s="477"/>
      <c r="V29" s="475"/>
      <c r="W29" s="476"/>
      <c r="X29" s="476"/>
      <c r="Y29" s="476"/>
      <c r="Z29" s="477"/>
      <c r="AA29" s="120"/>
    </row>
    <row r="30" spans="2:27" s="114" customFormat="1" ht="5.25" customHeight="1" x14ac:dyDescent="0.15">
      <c r="B30" s="119"/>
      <c r="C30" s="123"/>
      <c r="D30" s="123"/>
      <c r="E30" s="123"/>
      <c r="F30" s="123"/>
      <c r="G30" s="123"/>
      <c r="H30" s="123"/>
      <c r="I30" s="123"/>
      <c r="J30" s="123"/>
      <c r="K30" s="123"/>
      <c r="L30" s="123"/>
      <c r="M30" s="123"/>
      <c r="N30" s="123"/>
      <c r="O30" s="123"/>
      <c r="P30" s="123"/>
      <c r="Q30" s="123"/>
      <c r="R30" s="123"/>
      <c r="S30" s="123"/>
      <c r="T30" s="123"/>
      <c r="U30" s="123"/>
      <c r="V30" s="123"/>
      <c r="W30" s="123"/>
      <c r="X30" s="123"/>
      <c r="Y30" s="123"/>
      <c r="Z30" s="123"/>
      <c r="AA30" s="120"/>
    </row>
    <row r="31" spans="2:27" s="114" customFormat="1" ht="19.5" customHeight="1" x14ac:dyDescent="0.15">
      <c r="B31" s="119"/>
      <c r="C31" s="114" t="s">
        <v>244</v>
      </c>
      <c r="D31" s="123"/>
      <c r="E31" s="123"/>
      <c r="F31" s="123"/>
      <c r="G31" s="123"/>
      <c r="H31" s="123"/>
      <c r="I31" s="123"/>
      <c r="J31" s="123"/>
      <c r="K31" s="123"/>
      <c r="L31" s="475"/>
      <c r="M31" s="476"/>
      <c r="N31" s="476"/>
      <c r="O31" s="476"/>
      <c r="P31" s="477"/>
      <c r="Q31" s="114" t="s">
        <v>245</v>
      </c>
      <c r="R31" s="123"/>
      <c r="S31" s="123"/>
      <c r="T31" s="123"/>
      <c r="U31" s="123"/>
      <c r="V31" s="123"/>
      <c r="W31" s="123"/>
      <c r="X31" s="123"/>
      <c r="Y31" s="123"/>
      <c r="Z31" s="123"/>
      <c r="AA31" s="120"/>
    </row>
    <row r="32" spans="2:27" s="114" customFormat="1" ht="6" customHeight="1" x14ac:dyDescent="0.15">
      <c r="B32" s="119"/>
      <c r="D32" s="123"/>
      <c r="E32" s="123"/>
      <c r="F32" s="123"/>
      <c r="G32" s="123"/>
      <c r="H32" s="123"/>
      <c r="I32" s="123"/>
      <c r="J32" s="123"/>
      <c r="K32" s="123"/>
      <c r="L32" s="123"/>
      <c r="M32" s="123"/>
      <c r="N32" s="123"/>
      <c r="O32" s="123"/>
      <c r="Y32" s="122"/>
      <c r="Z32" s="122"/>
      <c r="AA32" s="120"/>
    </row>
    <row r="33" spans="2:27" s="114" customFormat="1" ht="19.5" customHeight="1" x14ac:dyDescent="0.15">
      <c r="B33" s="119"/>
      <c r="C33" s="114" t="s">
        <v>248</v>
      </c>
      <c r="D33" s="123"/>
      <c r="E33" s="123"/>
      <c r="F33" s="123"/>
      <c r="G33" s="123"/>
      <c r="H33" s="123"/>
      <c r="I33" s="123"/>
      <c r="J33" s="123"/>
      <c r="K33" s="123"/>
      <c r="L33" s="123"/>
      <c r="M33" s="123"/>
      <c r="N33" s="123"/>
      <c r="O33" s="123"/>
      <c r="Y33" s="122"/>
      <c r="Z33" s="122"/>
      <c r="AA33" s="120"/>
    </row>
    <row r="34" spans="2:27" s="114" customFormat="1" ht="19.5" customHeight="1" x14ac:dyDescent="0.15">
      <c r="B34" s="119"/>
      <c r="C34" s="474" t="s">
        <v>238</v>
      </c>
      <c r="D34" s="474"/>
      <c r="E34" s="474"/>
      <c r="F34" s="474"/>
      <c r="G34" s="474" t="s">
        <v>239</v>
      </c>
      <c r="H34" s="474"/>
      <c r="I34" s="474"/>
      <c r="J34" s="474"/>
      <c r="K34" s="474"/>
      <c r="L34" s="474" t="s">
        <v>240</v>
      </c>
      <c r="M34" s="474"/>
      <c r="N34" s="474"/>
      <c r="O34" s="474"/>
      <c r="P34" s="474"/>
      <c r="Q34" s="474" t="s">
        <v>241</v>
      </c>
      <c r="R34" s="474"/>
      <c r="S34" s="474"/>
      <c r="T34" s="474"/>
      <c r="U34" s="474"/>
      <c r="V34" s="478" t="s">
        <v>242</v>
      </c>
      <c r="W34" s="478"/>
      <c r="X34" s="478"/>
      <c r="Y34" s="478"/>
      <c r="Z34" s="478"/>
      <c r="AA34" s="120"/>
    </row>
    <row r="35" spans="2:27" s="114" customFormat="1" ht="19.5" customHeight="1" x14ac:dyDescent="0.15">
      <c r="B35" s="119"/>
      <c r="C35" s="475" t="s">
        <v>243</v>
      </c>
      <c r="D35" s="476"/>
      <c r="E35" s="476"/>
      <c r="F35" s="477"/>
      <c r="G35" s="475"/>
      <c r="H35" s="476"/>
      <c r="I35" s="476"/>
      <c r="J35" s="476"/>
      <c r="K35" s="477"/>
      <c r="L35" s="475"/>
      <c r="M35" s="476"/>
      <c r="N35" s="476"/>
      <c r="O35" s="476"/>
      <c r="P35" s="477"/>
      <c r="Q35" s="475"/>
      <c r="R35" s="476"/>
      <c r="S35" s="476"/>
      <c r="T35" s="476"/>
      <c r="U35" s="477"/>
      <c r="V35" s="475"/>
      <c r="W35" s="476"/>
      <c r="X35" s="476"/>
      <c r="Y35" s="476"/>
      <c r="Z35" s="477"/>
      <c r="AA35" s="120"/>
    </row>
    <row r="36" spans="2:27" s="114" customFormat="1" ht="5.25" customHeight="1" x14ac:dyDescent="0.15">
      <c r="B36" s="119"/>
      <c r="C36" s="123"/>
      <c r="D36" s="123"/>
      <c r="E36" s="123"/>
      <c r="F36" s="123"/>
      <c r="G36" s="123"/>
      <c r="H36" s="123"/>
      <c r="I36" s="123"/>
      <c r="J36" s="123"/>
      <c r="K36" s="123"/>
      <c r="L36" s="123"/>
      <c r="M36" s="123"/>
      <c r="N36" s="123"/>
      <c r="O36" s="123"/>
      <c r="P36" s="123"/>
      <c r="Q36" s="123"/>
      <c r="R36" s="123"/>
      <c r="S36" s="123"/>
      <c r="T36" s="123"/>
      <c r="U36" s="123"/>
      <c r="V36" s="123"/>
      <c r="W36" s="123"/>
      <c r="X36" s="123"/>
      <c r="Y36" s="123"/>
      <c r="Z36" s="123"/>
      <c r="AA36" s="120"/>
    </row>
    <row r="37" spans="2:27" s="114" customFormat="1" ht="19.5" customHeight="1" x14ac:dyDescent="0.15">
      <c r="B37" s="119"/>
      <c r="C37" s="114" t="s">
        <v>244</v>
      </c>
      <c r="D37" s="123"/>
      <c r="E37" s="123"/>
      <c r="F37" s="123"/>
      <c r="G37" s="123"/>
      <c r="H37" s="123"/>
      <c r="I37" s="123"/>
      <c r="J37" s="123"/>
      <c r="K37" s="123"/>
      <c r="L37" s="475"/>
      <c r="M37" s="476"/>
      <c r="N37" s="476"/>
      <c r="O37" s="476"/>
      <c r="P37" s="477"/>
      <c r="Q37" s="114" t="s">
        <v>245</v>
      </c>
      <c r="R37" s="123"/>
      <c r="S37" s="123"/>
      <c r="T37" s="123"/>
      <c r="U37" s="123"/>
      <c r="V37" s="123"/>
      <c r="W37" s="123"/>
      <c r="X37" s="123"/>
      <c r="Y37" s="123"/>
      <c r="Z37" s="123"/>
      <c r="AA37" s="120"/>
    </row>
    <row r="38" spans="2:27" s="114" customFormat="1" ht="4.5" customHeight="1" x14ac:dyDescent="0.15">
      <c r="B38" s="119"/>
      <c r="D38" s="123"/>
      <c r="E38" s="123"/>
      <c r="F38" s="123"/>
      <c r="G38" s="123"/>
      <c r="H38" s="123"/>
      <c r="I38" s="123"/>
      <c r="J38" s="123"/>
      <c r="K38" s="123"/>
      <c r="L38" s="123"/>
      <c r="M38" s="123"/>
      <c r="N38" s="123"/>
      <c r="O38" s="123"/>
      <c r="Y38" s="122"/>
      <c r="Z38" s="122"/>
      <c r="AA38" s="120"/>
    </row>
    <row r="39" spans="2:27" s="114" customFormat="1" ht="16.5" customHeight="1" x14ac:dyDescent="0.15">
      <c r="B39" s="119"/>
      <c r="C39" s="123"/>
      <c r="D39" s="479" t="s">
        <v>249</v>
      </c>
      <c r="E39" s="479"/>
      <c r="F39" s="479"/>
      <c r="G39" s="479"/>
      <c r="H39" s="479"/>
      <c r="I39" s="479"/>
      <c r="J39" s="479"/>
      <c r="K39" s="479"/>
      <c r="L39" s="479"/>
      <c r="M39" s="479"/>
      <c r="N39" s="479"/>
      <c r="O39" s="479"/>
      <c r="P39" s="479"/>
      <c r="Q39" s="479"/>
      <c r="R39" s="479"/>
      <c r="S39" s="479"/>
      <c r="T39" s="124"/>
      <c r="U39" s="125"/>
      <c r="V39" s="123"/>
      <c r="W39" s="123"/>
      <c r="X39" s="123"/>
      <c r="Y39" s="123"/>
      <c r="Z39" s="123"/>
      <c r="AA39" s="120"/>
    </row>
    <row r="40" spans="2:27" s="114" customFormat="1" ht="6.75" customHeight="1" x14ac:dyDescent="0.15">
      <c r="B40" s="119"/>
      <c r="D40" s="123"/>
      <c r="E40" s="123"/>
      <c r="F40" s="123"/>
      <c r="G40" s="123"/>
      <c r="H40" s="123"/>
      <c r="I40" s="123"/>
      <c r="J40" s="123"/>
      <c r="K40" s="123"/>
      <c r="L40" s="126"/>
      <c r="M40" s="126"/>
      <c r="N40" s="126"/>
      <c r="O40" s="126"/>
      <c r="P40" s="126"/>
      <c r="R40" s="123"/>
      <c r="S40" s="123"/>
      <c r="T40" s="123"/>
      <c r="U40" s="123"/>
      <c r="V40" s="123"/>
      <c r="W40" s="123"/>
      <c r="X40" s="123"/>
      <c r="Y40" s="123"/>
      <c r="Z40" s="123"/>
      <c r="AA40" s="120"/>
    </row>
    <row r="41" spans="2:27" s="114" customFormat="1" ht="18.75" customHeight="1" x14ac:dyDescent="0.15">
      <c r="B41" s="119"/>
      <c r="C41" s="114" t="s">
        <v>250</v>
      </c>
      <c r="AA41" s="120"/>
    </row>
    <row r="42" spans="2:27" s="114" customFormat="1" ht="19.5" customHeight="1" x14ac:dyDescent="0.15">
      <c r="B42" s="119"/>
      <c r="C42" s="474" t="s">
        <v>234</v>
      </c>
      <c r="D42" s="474"/>
      <c r="E42" s="474"/>
      <c r="F42" s="474"/>
      <c r="G42" s="475" t="s">
        <v>251</v>
      </c>
      <c r="H42" s="476"/>
      <c r="I42" s="476"/>
      <c r="J42" s="476"/>
      <c r="K42" s="477"/>
      <c r="M42" s="474" t="s">
        <v>236</v>
      </c>
      <c r="N42" s="474"/>
      <c r="O42" s="474"/>
      <c r="P42" s="474"/>
      <c r="Q42" s="475" t="s">
        <v>251</v>
      </c>
      <c r="R42" s="476"/>
      <c r="S42" s="476"/>
      <c r="T42" s="476"/>
      <c r="U42" s="477"/>
      <c r="Y42" s="122"/>
      <c r="Z42" s="122"/>
      <c r="AA42" s="120"/>
    </row>
    <row r="43" spans="2:27" s="114" customFormat="1" ht="7.5" customHeight="1" x14ac:dyDescent="0.15">
      <c r="B43" s="119"/>
      <c r="C43" s="123"/>
      <c r="D43" s="123"/>
      <c r="E43" s="123"/>
      <c r="F43" s="123"/>
      <c r="G43" s="123"/>
      <c r="H43" s="123"/>
      <c r="I43" s="123"/>
      <c r="J43" s="123"/>
      <c r="K43" s="123"/>
      <c r="Y43" s="122"/>
      <c r="Z43" s="122"/>
      <c r="AA43" s="120"/>
    </row>
    <row r="44" spans="2:27" s="114" customFormat="1" ht="19.5" customHeight="1" x14ac:dyDescent="0.15">
      <c r="B44" s="119"/>
      <c r="C44" s="114" t="s">
        <v>252</v>
      </c>
      <c r="D44" s="123"/>
      <c r="E44" s="123"/>
      <c r="F44" s="123"/>
      <c r="G44" s="123"/>
      <c r="H44" s="123"/>
      <c r="I44" s="123"/>
      <c r="J44" s="123"/>
      <c r="M44" s="123"/>
      <c r="N44" s="123"/>
      <c r="O44" s="123"/>
      <c r="Y44" s="122"/>
      <c r="Z44" s="122"/>
      <c r="AA44" s="120"/>
    </row>
    <row r="45" spans="2:27" s="114" customFormat="1" ht="19.5" customHeight="1" x14ac:dyDescent="0.15">
      <c r="B45" s="119"/>
      <c r="C45" s="474" t="s">
        <v>253</v>
      </c>
      <c r="D45" s="474"/>
      <c r="E45" s="474"/>
      <c r="F45" s="474"/>
      <c r="G45" s="474" t="s">
        <v>254</v>
      </c>
      <c r="H45" s="474"/>
      <c r="I45" s="474"/>
      <c r="J45" s="474"/>
      <c r="K45" s="474"/>
      <c r="L45" s="474" t="s">
        <v>255</v>
      </c>
      <c r="M45" s="474"/>
      <c r="N45" s="474"/>
      <c r="O45" s="474"/>
      <c r="P45" s="474"/>
      <c r="Q45" s="474" t="s">
        <v>256</v>
      </c>
      <c r="R45" s="474"/>
      <c r="S45" s="474"/>
      <c r="T45" s="474"/>
      <c r="U45" s="474"/>
      <c r="V45" s="474" t="s">
        <v>257</v>
      </c>
      <c r="W45" s="474"/>
      <c r="X45" s="474"/>
      <c r="Y45" s="474"/>
      <c r="Z45" s="474"/>
      <c r="AA45" s="120"/>
    </row>
    <row r="46" spans="2:27" s="114" customFormat="1" ht="19.5" customHeight="1" x14ac:dyDescent="0.15">
      <c r="B46" s="119"/>
      <c r="C46" s="475" t="s">
        <v>258</v>
      </c>
      <c r="D46" s="476"/>
      <c r="E46" s="476"/>
      <c r="F46" s="477"/>
      <c r="G46" s="475"/>
      <c r="H46" s="476"/>
      <c r="I46" s="476"/>
      <c r="J46" s="476"/>
      <c r="K46" s="477"/>
      <c r="L46" s="475"/>
      <c r="M46" s="476"/>
      <c r="N46" s="476"/>
      <c r="O46" s="476"/>
      <c r="P46" s="477"/>
      <c r="Q46" s="475"/>
      <c r="R46" s="476"/>
      <c r="S46" s="476"/>
      <c r="T46" s="476"/>
      <c r="U46" s="477"/>
      <c r="V46" s="475"/>
      <c r="W46" s="476"/>
      <c r="X46" s="476"/>
      <c r="Y46" s="476"/>
      <c r="Z46" s="477"/>
      <c r="AA46" s="120"/>
    </row>
    <row r="47" spans="2:27" s="114" customFormat="1" ht="4.5" customHeight="1" x14ac:dyDescent="0.15">
      <c r="B47" s="119"/>
      <c r="C47" s="123"/>
      <c r="D47" s="123"/>
      <c r="E47" s="123"/>
      <c r="F47" s="123"/>
      <c r="G47" s="123"/>
      <c r="H47" s="123"/>
      <c r="I47" s="123"/>
      <c r="J47" s="123"/>
      <c r="K47" s="123"/>
      <c r="L47" s="123"/>
      <c r="M47" s="123"/>
      <c r="N47" s="123"/>
      <c r="O47" s="123"/>
      <c r="P47" s="123"/>
      <c r="Q47" s="123"/>
      <c r="R47" s="123"/>
      <c r="S47" s="123"/>
      <c r="T47" s="123"/>
      <c r="U47" s="123"/>
      <c r="V47" s="123"/>
      <c r="W47" s="123"/>
      <c r="X47" s="123"/>
      <c r="Y47" s="123"/>
      <c r="Z47" s="123"/>
      <c r="AA47" s="120"/>
    </row>
    <row r="48" spans="2:27" s="114" customFormat="1" ht="19.5" customHeight="1" x14ac:dyDescent="0.15">
      <c r="B48" s="119"/>
      <c r="C48" s="114" t="s">
        <v>259</v>
      </c>
      <c r="D48" s="123"/>
      <c r="E48" s="123"/>
      <c r="F48" s="123"/>
      <c r="G48" s="123"/>
      <c r="H48" s="123"/>
      <c r="I48" s="123"/>
      <c r="J48" s="123"/>
      <c r="M48" s="123"/>
      <c r="N48" s="123"/>
      <c r="O48" s="123"/>
      <c r="Y48" s="122"/>
      <c r="Z48" s="122"/>
      <c r="AA48" s="120"/>
    </row>
    <row r="49" spans="2:27" s="114" customFormat="1" ht="19.5" customHeight="1" x14ac:dyDescent="0.15">
      <c r="B49" s="119"/>
      <c r="C49" s="474" t="s">
        <v>253</v>
      </c>
      <c r="D49" s="474"/>
      <c r="E49" s="474"/>
      <c r="F49" s="474"/>
      <c r="G49" s="474" t="s">
        <v>254</v>
      </c>
      <c r="H49" s="474"/>
      <c r="I49" s="474"/>
      <c r="J49" s="474"/>
      <c r="K49" s="474"/>
      <c r="L49" s="474" t="s">
        <v>255</v>
      </c>
      <c r="M49" s="474"/>
      <c r="N49" s="474"/>
      <c r="O49" s="474"/>
      <c r="P49" s="474"/>
      <c r="Q49" s="474" t="s">
        <v>256</v>
      </c>
      <c r="R49" s="474"/>
      <c r="S49" s="474"/>
      <c r="T49" s="474"/>
      <c r="U49" s="474"/>
      <c r="V49" s="474" t="s">
        <v>257</v>
      </c>
      <c r="W49" s="474"/>
      <c r="X49" s="474"/>
      <c r="Y49" s="474"/>
      <c r="Z49" s="474"/>
      <c r="AA49" s="120"/>
    </row>
    <row r="50" spans="2:27" s="114" customFormat="1" ht="19.5" customHeight="1" x14ac:dyDescent="0.15">
      <c r="B50" s="119"/>
      <c r="C50" s="475" t="s">
        <v>258</v>
      </c>
      <c r="D50" s="476"/>
      <c r="E50" s="476"/>
      <c r="F50" s="477"/>
      <c r="G50" s="475"/>
      <c r="H50" s="476"/>
      <c r="I50" s="476"/>
      <c r="J50" s="476"/>
      <c r="K50" s="477"/>
      <c r="L50" s="475"/>
      <c r="M50" s="476"/>
      <c r="N50" s="476"/>
      <c r="O50" s="476"/>
      <c r="P50" s="477"/>
      <c r="Q50" s="475"/>
      <c r="R50" s="476"/>
      <c r="S50" s="476"/>
      <c r="T50" s="476"/>
      <c r="U50" s="477"/>
      <c r="V50" s="475"/>
      <c r="W50" s="476"/>
      <c r="X50" s="476"/>
      <c r="Y50" s="476"/>
      <c r="Z50" s="477"/>
      <c r="AA50" s="120"/>
    </row>
    <row r="51" spans="2:27" s="114" customFormat="1" ht="5.25" customHeight="1" x14ac:dyDescent="0.15">
      <c r="B51" s="119"/>
      <c r="C51" s="123"/>
      <c r="D51" s="123"/>
      <c r="E51" s="123"/>
      <c r="F51" s="123"/>
      <c r="G51" s="123"/>
      <c r="H51" s="123"/>
      <c r="I51" s="123"/>
      <c r="J51" s="123"/>
      <c r="K51" s="123"/>
      <c r="L51" s="123"/>
      <c r="M51" s="123"/>
      <c r="N51" s="123"/>
      <c r="O51" s="123"/>
      <c r="P51" s="123"/>
      <c r="Q51" s="123"/>
      <c r="R51" s="123"/>
      <c r="S51" s="123"/>
      <c r="T51" s="123"/>
      <c r="U51" s="123"/>
      <c r="V51" s="123"/>
      <c r="W51" s="123"/>
      <c r="X51" s="123"/>
      <c r="Y51" s="123"/>
      <c r="Z51" s="123"/>
      <c r="AA51" s="120"/>
    </row>
    <row r="52" spans="2:27" s="114" customFormat="1" ht="19.5" customHeight="1" x14ac:dyDescent="0.15">
      <c r="B52" s="119"/>
      <c r="C52" s="123"/>
      <c r="D52" s="127" t="s">
        <v>260</v>
      </c>
      <c r="E52" s="124"/>
      <c r="F52" s="124"/>
      <c r="G52" s="124"/>
      <c r="H52" s="124"/>
      <c r="I52" s="124"/>
      <c r="J52" s="124"/>
      <c r="K52" s="124"/>
      <c r="L52" s="124"/>
      <c r="M52" s="124"/>
      <c r="N52" s="124"/>
      <c r="O52" s="124"/>
      <c r="P52" s="124"/>
      <c r="Q52" s="124"/>
      <c r="R52" s="124"/>
      <c r="S52" s="124"/>
      <c r="T52" s="124"/>
      <c r="U52" s="125"/>
      <c r="V52" s="123"/>
      <c r="W52" s="123"/>
      <c r="X52" s="123"/>
      <c r="Y52" s="123"/>
      <c r="Z52" s="123"/>
      <c r="AA52" s="120"/>
    </row>
    <row r="53" spans="2:27" s="114" customFormat="1" ht="7.5" customHeight="1" x14ac:dyDescent="0.15">
      <c r="B53" s="119"/>
      <c r="C53" s="123"/>
      <c r="E53" s="123"/>
      <c r="F53" s="123"/>
      <c r="G53" s="123"/>
      <c r="H53" s="123"/>
      <c r="I53" s="123"/>
      <c r="J53" s="123"/>
      <c r="K53" s="123"/>
      <c r="L53" s="123"/>
      <c r="M53" s="123"/>
      <c r="N53" s="123"/>
      <c r="O53" s="123"/>
      <c r="P53" s="123"/>
      <c r="Q53" s="123"/>
      <c r="R53" s="123"/>
      <c r="S53" s="123"/>
      <c r="T53" s="123"/>
      <c r="U53" s="128"/>
      <c r="V53" s="123"/>
      <c r="W53" s="123"/>
      <c r="X53" s="123"/>
      <c r="Y53" s="123"/>
      <c r="Z53" s="123"/>
      <c r="AA53" s="120"/>
    </row>
    <row r="54" spans="2:27" s="114" customFormat="1" ht="19.5" customHeight="1" x14ac:dyDescent="0.15">
      <c r="B54" s="119"/>
      <c r="C54" s="114" t="s">
        <v>261</v>
      </c>
      <c r="D54" s="123"/>
      <c r="E54" s="123"/>
      <c r="F54" s="123"/>
      <c r="G54" s="123"/>
      <c r="H54" s="123"/>
      <c r="I54" s="123"/>
      <c r="J54" s="123"/>
      <c r="K54" s="123"/>
      <c r="L54" s="123"/>
      <c r="M54" s="123"/>
      <c r="N54" s="123"/>
      <c r="O54" s="123"/>
      <c r="Y54" s="122"/>
      <c r="Z54" s="122"/>
      <c r="AA54" s="120"/>
    </row>
    <row r="55" spans="2:27" s="114" customFormat="1" ht="19.5" customHeight="1" x14ac:dyDescent="0.15">
      <c r="B55" s="119"/>
      <c r="C55" s="480" t="s">
        <v>262</v>
      </c>
      <c r="D55" s="481"/>
      <c r="E55" s="481"/>
      <c r="F55" s="481"/>
      <c r="G55" s="481"/>
      <c r="H55" s="481"/>
      <c r="I55" s="481"/>
      <c r="J55" s="481"/>
      <c r="K55" s="481"/>
      <c r="L55" s="481"/>
      <c r="M55" s="481"/>
      <c r="N55" s="481"/>
      <c r="O55" s="481"/>
      <c r="P55" s="481"/>
      <c r="Q55" s="481"/>
      <c r="R55" s="481"/>
      <c r="S55" s="481"/>
      <c r="T55" s="481"/>
      <c r="U55" s="481"/>
      <c r="V55" s="481"/>
      <c r="W55" s="481"/>
      <c r="X55" s="481"/>
      <c r="Y55" s="481"/>
      <c r="Z55" s="482"/>
      <c r="AA55" s="120"/>
    </row>
    <row r="56" spans="2:27" s="114" customFormat="1" ht="19.5" customHeight="1" x14ac:dyDescent="0.15">
      <c r="B56" s="119"/>
      <c r="C56" s="483"/>
      <c r="D56" s="484"/>
      <c r="E56" s="484"/>
      <c r="F56" s="484"/>
      <c r="G56" s="484"/>
      <c r="H56" s="484"/>
      <c r="I56" s="484"/>
      <c r="J56" s="484"/>
      <c r="K56" s="484"/>
      <c r="L56" s="484"/>
      <c r="M56" s="484"/>
      <c r="N56" s="484"/>
      <c r="O56" s="484"/>
      <c r="P56" s="484"/>
      <c r="Q56" s="484"/>
      <c r="R56" s="484"/>
      <c r="S56" s="484"/>
      <c r="T56" s="484"/>
      <c r="U56" s="484"/>
      <c r="V56" s="484"/>
      <c r="W56" s="484"/>
      <c r="X56" s="484"/>
      <c r="Y56" s="484"/>
      <c r="Z56" s="485"/>
      <c r="AA56" s="120"/>
    </row>
    <row r="57" spans="2:27" s="114" customFormat="1" ht="6.75" customHeight="1" x14ac:dyDescent="0.15">
      <c r="B57" s="119"/>
      <c r="D57" s="123"/>
      <c r="E57" s="123"/>
      <c r="F57" s="123"/>
      <c r="G57" s="123"/>
      <c r="H57" s="123"/>
      <c r="I57" s="123"/>
      <c r="J57" s="123"/>
      <c r="K57" s="123"/>
      <c r="L57" s="123"/>
      <c r="M57" s="123"/>
      <c r="N57" s="123"/>
      <c r="O57" s="123"/>
      <c r="Y57" s="129"/>
      <c r="Z57" s="129"/>
      <c r="AA57" s="120"/>
    </row>
    <row r="58" spans="2:27" s="114" customFormat="1" ht="19.5" customHeight="1" x14ac:dyDescent="0.15">
      <c r="B58" s="119"/>
      <c r="C58" s="114" t="s">
        <v>263</v>
      </c>
      <c r="D58" s="123"/>
      <c r="E58" s="123"/>
      <c r="F58" s="123"/>
      <c r="G58" s="123"/>
      <c r="H58" s="123"/>
      <c r="I58" s="123"/>
      <c r="J58" s="123"/>
      <c r="K58" s="123"/>
      <c r="L58" s="123"/>
      <c r="M58" s="123"/>
      <c r="N58" s="123"/>
      <c r="O58" s="123"/>
      <c r="Y58" s="122"/>
      <c r="Z58" s="122"/>
      <c r="AA58" s="120"/>
    </row>
    <row r="59" spans="2:27" s="114" customFormat="1" ht="19.5" customHeight="1" x14ac:dyDescent="0.15">
      <c r="B59" s="119"/>
      <c r="C59" s="480" t="s">
        <v>262</v>
      </c>
      <c r="D59" s="481"/>
      <c r="E59" s="481"/>
      <c r="F59" s="481"/>
      <c r="G59" s="481"/>
      <c r="H59" s="481"/>
      <c r="I59" s="481"/>
      <c r="J59" s="481"/>
      <c r="K59" s="481"/>
      <c r="L59" s="481"/>
      <c r="M59" s="481"/>
      <c r="N59" s="481"/>
      <c r="O59" s="481"/>
      <c r="P59" s="481"/>
      <c r="Q59" s="481"/>
      <c r="R59" s="481"/>
      <c r="S59" s="481"/>
      <c r="T59" s="481"/>
      <c r="U59" s="481"/>
      <c r="V59" s="481"/>
      <c r="W59" s="481"/>
      <c r="X59" s="481"/>
      <c r="Y59" s="481"/>
      <c r="Z59" s="482"/>
      <c r="AA59" s="120"/>
    </row>
    <row r="60" spans="2:27" s="114" customFormat="1" ht="19.5" customHeight="1" x14ac:dyDescent="0.15">
      <c r="B60" s="119"/>
      <c r="C60" s="483"/>
      <c r="D60" s="484"/>
      <c r="E60" s="484"/>
      <c r="F60" s="484"/>
      <c r="G60" s="484"/>
      <c r="H60" s="484"/>
      <c r="I60" s="484"/>
      <c r="J60" s="484"/>
      <c r="K60" s="484"/>
      <c r="L60" s="484"/>
      <c r="M60" s="484"/>
      <c r="N60" s="484"/>
      <c r="O60" s="484"/>
      <c r="P60" s="484"/>
      <c r="Q60" s="484"/>
      <c r="R60" s="484"/>
      <c r="S60" s="484"/>
      <c r="T60" s="484"/>
      <c r="U60" s="484"/>
      <c r="V60" s="484"/>
      <c r="W60" s="484"/>
      <c r="X60" s="484"/>
      <c r="Y60" s="484"/>
      <c r="Z60" s="485"/>
      <c r="AA60" s="120"/>
    </row>
    <row r="61" spans="2:27" s="114" customFormat="1" ht="6.75" customHeight="1" x14ac:dyDescent="0.15">
      <c r="B61" s="119"/>
      <c r="D61" s="123"/>
      <c r="E61" s="123"/>
      <c r="F61" s="123"/>
      <c r="G61" s="123"/>
      <c r="H61" s="123"/>
      <c r="I61" s="123"/>
      <c r="J61" s="123"/>
      <c r="K61" s="123"/>
      <c r="L61" s="123"/>
      <c r="M61" s="123"/>
      <c r="N61" s="123"/>
      <c r="O61" s="123"/>
      <c r="Y61" s="129"/>
      <c r="Z61" s="129"/>
      <c r="AA61" s="120"/>
    </row>
    <row r="62" spans="2:27" s="114" customFormat="1" ht="19.5" customHeight="1" x14ac:dyDescent="0.15">
      <c r="B62" s="119"/>
      <c r="C62" s="123"/>
      <c r="D62" s="127" t="s">
        <v>260</v>
      </c>
      <c r="E62" s="124"/>
      <c r="F62" s="124"/>
      <c r="G62" s="124"/>
      <c r="H62" s="124"/>
      <c r="I62" s="124"/>
      <c r="J62" s="124"/>
      <c r="K62" s="124"/>
      <c r="L62" s="124"/>
      <c r="M62" s="124"/>
      <c r="N62" s="124"/>
      <c r="O62" s="124"/>
      <c r="P62" s="124"/>
      <c r="Q62" s="124"/>
      <c r="R62" s="124"/>
      <c r="S62" s="124"/>
      <c r="T62" s="124"/>
      <c r="U62" s="125"/>
      <c r="V62" s="123"/>
      <c r="W62" s="123"/>
      <c r="X62" s="123"/>
      <c r="Y62" s="123"/>
      <c r="Z62" s="123"/>
      <c r="AA62" s="120"/>
    </row>
    <row r="63" spans="2:27" s="114" customFormat="1" ht="9" customHeight="1" x14ac:dyDescent="0.15">
      <c r="B63" s="119"/>
      <c r="D63" s="123"/>
      <c r="E63" s="123"/>
      <c r="F63" s="123"/>
      <c r="G63" s="123"/>
      <c r="H63" s="123"/>
      <c r="I63" s="123"/>
      <c r="J63" s="123"/>
      <c r="K63" s="123"/>
      <c r="L63" s="123"/>
      <c r="M63" s="123"/>
      <c r="N63" s="123"/>
      <c r="O63" s="123"/>
      <c r="Y63" s="129"/>
      <c r="Z63" s="129"/>
      <c r="AA63" s="120"/>
    </row>
    <row r="64" spans="2:27" s="114" customFormat="1" x14ac:dyDescent="0.15">
      <c r="B64" s="119"/>
      <c r="C64" s="114" t="s">
        <v>264</v>
      </c>
      <c r="D64" s="123"/>
      <c r="E64" s="123"/>
      <c r="F64" s="123"/>
      <c r="G64" s="123"/>
      <c r="H64" s="123"/>
      <c r="I64" s="123"/>
      <c r="J64" s="123"/>
      <c r="K64" s="123"/>
      <c r="L64" s="123"/>
      <c r="M64" s="123"/>
      <c r="N64" s="123"/>
      <c r="O64" s="123"/>
      <c r="Y64" s="129"/>
      <c r="Z64" s="129"/>
      <c r="AA64" s="120"/>
    </row>
    <row r="65" spans="2:27" s="114" customFormat="1" ht="19.5" customHeight="1" x14ac:dyDescent="0.15">
      <c r="B65" s="119"/>
      <c r="C65" s="474" t="s">
        <v>265</v>
      </c>
      <c r="D65" s="474"/>
      <c r="E65" s="474"/>
      <c r="F65" s="474"/>
      <c r="G65" s="486" t="s">
        <v>266</v>
      </c>
      <c r="H65" s="487"/>
      <c r="I65" s="487"/>
      <c r="J65" s="487"/>
      <c r="K65" s="488"/>
      <c r="L65" s="486" t="s">
        <v>267</v>
      </c>
      <c r="M65" s="487"/>
      <c r="N65" s="487"/>
      <c r="O65" s="487"/>
      <c r="P65" s="488"/>
      <c r="Q65" s="121"/>
      <c r="R65" s="121"/>
      <c r="S65" s="121"/>
      <c r="T65" s="121"/>
      <c r="U65" s="121"/>
      <c r="V65" s="121"/>
      <c r="W65" s="121"/>
      <c r="X65" s="121"/>
      <c r="Y65" s="121"/>
      <c r="Z65" s="121"/>
      <c r="AA65" s="120"/>
    </row>
    <row r="66" spans="2:27" s="114" customFormat="1" ht="19.5" customHeight="1" x14ac:dyDescent="0.15">
      <c r="B66" s="119"/>
      <c r="C66" s="475" t="s">
        <v>268</v>
      </c>
      <c r="D66" s="476"/>
      <c r="E66" s="476"/>
      <c r="F66" s="477"/>
      <c r="G66" s="475"/>
      <c r="H66" s="476"/>
      <c r="I66" s="476"/>
      <c r="J66" s="476"/>
      <c r="K66" s="477"/>
      <c r="L66" s="475"/>
      <c r="M66" s="476"/>
      <c r="N66" s="476"/>
      <c r="O66" s="476"/>
      <c r="P66" s="477"/>
      <c r="Q66" s="121"/>
      <c r="R66" s="121"/>
      <c r="S66" s="121"/>
      <c r="T66" s="121"/>
      <c r="U66" s="121"/>
      <c r="V66" s="121"/>
      <c r="W66" s="121"/>
      <c r="X66" s="121"/>
      <c r="Y66" s="121"/>
      <c r="Z66" s="121"/>
      <c r="AA66" s="120"/>
    </row>
    <row r="67" spans="2:27" s="114" customFormat="1" ht="9" customHeight="1" x14ac:dyDescent="0.15">
      <c r="B67" s="119"/>
      <c r="C67" s="123"/>
      <c r="D67" s="123"/>
      <c r="E67" s="123"/>
      <c r="F67" s="123"/>
      <c r="G67" s="123"/>
      <c r="H67" s="123"/>
      <c r="I67" s="123"/>
      <c r="J67" s="123"/>
      <c r="K67" s="123"/>
      <c r="L67" s="121"/>
      <c r="M67" s="123"/>
      <c r="N67" s="123"/>
      <c r="O67" s="123"/>
      <c r="P67" s="123"/>
      <c r="Q67" s="123"/>
      <c r="R67" s="123"/>
      <c r="S67" s="123"/>
      <c r="T67" s="123"/>
      <c r="U67" s="123"/>
      <c r="V67" s="121"/>
      <c r="W67" s="121"/>
      <c r="X67" s="121"/>
      <c r="Y67" s="121"/>
      <c r="Z67" s="121"/>
      <c r="AA67" s="120"/>
    </row>
    <row r="68" spans="2:27" s="114" customFormat="1" ht="19.5" customHeight="1" x14ac:dyDescent="0.15">
      <c r="B68" s="119"/>
      <c r="C68" s="474" t="s">
        <v>265</v>
      </c>
      <c r="D68" s="474"/>
      <c r="E68" s="474"/>
      <c r="F68" s="474"/>
      <c r="G68" s="486" t="s">
        <v>266</v>
      </c>
      <c r="H68" s="487"/>
      <c r="I68" s="487"/>
      <c r="J68" s="487"/>
      <c r="K68" s="488"/>
      <c r="L68" s="486" t="s">
        <v>267</v>
      </c>
      <c r="M68" s="487"/>
      <c r="N68" s="487"/>
      <c r="O68" s="487"/>
      <c r="P68" s="488"/>
      <c r="Q68" s="121"/>
      <c r="R68" s="121"/>
      <c r="S68" s="121"/>
      <c r="T68" s="121"/>
      <c r="U68" s="121"/>
      <c r="V68" s="121"/>
      <c r="W68" s="121"/>
      <c r="X68" s="121"/>
      <c r="Y68" s="121"/>
      <c r="Z68" s="121"/>
      <c r="AA68" s="120"/>
    </row>
    <row r="69" spans="2:27" s="114" customFormat="1" ht="19.5" customHeight="1" x14ac:dyDescent="0.15">
      <c r="B69" s="119"/>
      <c r="C69" s="475" t="s">
        <v>269</v>
      </c>
      <c r="D69" s="476"/>
      <c r="E69" s="476"/>
      <c r="F69" s="477"/>
      <c r="G69" s="475"/>
      <c r="H69" s="476"/>
      <c r="I69" s="476"/>
      <c r="J69" s="476"/>
      <c r="K69" s="477"/>
      <c r="L69" s="475"/>
      <c r="M69" s="476"/>
      <c r="N69" s="476"/>
      <c r="O69" s="476"/>
      <c r="P69" s="477"/>
      <c r="Q69" s="121"/>
      <c r="R69" s="121"/>
      <c r="S69" s="121"/>
      <c r="T69" s="121"/>
      <c r="U69" s="121"/>
      <c r="V69" s="121"/>
      <c r="W69" s="121"/>
      <c r="X69" s="121"/>
      <c r="Y69" s="121"/>
      <c r="Z69" s="121"/>
      <c r="AA69" s="120"/>
    </row>
    <row r="70" spans="2:27" s="114" customFormat="1" ht="6" customHeight="1" x14ac:dyDescent="0.15">
      <c r="B70" s="119"/>
      <c r="C70" s="123"/>
      <c r="D70" s="123"/>
      <c r="E70" s="123"/>
      <c r="F70" s="123"/>
      <c r="G70" s="123"/>
      <c r="H70" s="123"/>
      <c r="I70" s="123"/>
      <c r="J70" s="123"/>
      <c r="K70" s="123"/>
      <c r="L70" s="121"/>
      <c r="M70" s="123"/>
      <c r="N70" s="123"/>
      <c r="O70" s="123"/>
      <c r="P70" s="123"/>
      <c r="Q70" s="123"/>
      <c r="R70" s="123"/>
      <c r="S70" s="123"/>
      <c r="T70" s="123"/>
      <c r="U70" s="123"/>
      <c r="V70" s="121"/>
      <c r="W70" s="121"/>
      <c r="X70" s="121"/>
      <c r="Y70" s="121"/>
      <c r="Z70" s="121"/>
      <c r="AA70" s="120"/>
    </row>
    <row r="71" spans="2:27" s="114" customFormat="1" ht="17.25" customHeight="1" x14ac:dyDescent="0.15">
      <c r="B71" s="119"/>
      <c r="C71" s="114" t="s">
        <v>270</v>
      </c>
      <c r="D71" s="123"/>
      <c r="E71" s="123"/>
      <c r="F71" s="123"/>
      <c r="G71" s="123"/>
      <c r="H71" s="123"/>
      <c r="I71" s="123"/>
      <c r="J71" s="123"/>
      <c r="K71" s="123"/>
      <c r="L71" s="123"/>
      <c r="M71" s="123"/>
      <c r="N71" s="123"/>
      <c r="O71" s="123"/>
      <c r="Y71" s="122"/>
      <c r="Z71" s="122"/>
      <c r="AA71" s="120"/>
    </row>
    <row r="72" spans="2:27" s="114" customFormat="1" ht="4.5" customHeight="1" x14ac:dyDescent="0.15">
      <c r="B72" s="119"/>
      <c r="D72" s="123"/>
      <c r="E72" s="123"/>
      <c r="F72" s="123"/>
      <c r="G72" s="123"/>
      <c r="H72" s="123"/>
      <c r="I72" s="123"/>
      <c r="J72" s="123"/>
      <c r="K72" s="123"/>
      <c r="L72" s="123"/>
      <c r="M72" s="123"/>
      <c r="N72" s="123"/>
      <c r="O72" s="123"/>
      <c r="Y72" s="122"/>
      <c r="Z72" s="122"/>
      <c r="AA72" s="120"/>
    </row>
    <row r="73" spans="2:27" s="114" customFormat="1" ht="16.5" customHeight="1" x14ac:dyDescent="0.15">
      <c r="B73" s="119"/>
      <c r="C73" s="123"/>
      <c r="D73" s="127" t="s">
        <v>271</v>
      </c>
      <c r="E73" s="124"/>
      <c r="F73" s="124"/>
      <c r="G73" s="124"/>
      <c r="H73" s="124"/>
      <c r="I73" s="124"/>
      <c r="J73" s="124"/>
      <c r="K73" s="124"/>
      <c r="L73" s="124"/>
      <c r="M73" s="124"/>
      <c r="N73" s="124"/>
      <c r="O73" s="124"/>
      <c r="P73" s="124"/>
      <c r="Q73" s="124"/>
      <c r="R73" s="124"/>
      <c r="S73" s="124"/>
      <c r="T73" s="124"/>
      <c r="U73" s="125"/>
      <c r="V73" s="123"/>
      <c r="W73" s="123"/>
      <c r="X73" s="123"/>
      <c r="Y73" s="123"/>
      <c r="Z73" s="123"/>
      <c r="AA73" s="120"/>
    </row>
    <row r="74" spans="2:27" s="114" customFormat="1" ht="9" customHeight="1" x14ac:dyDescent="0.15">
      <c r="B74" s="119"/>
      <c r="C74" s="123"/>
      <c r="D74" s="123"/>
      <c r="E74" s="123"/>
      <c r="F74" s="123"/>
      <c r="G74" s="123"/>
      <c r="H74" s="123"/>
      <c r="I74" s="123"/>
      <c r="J74" s="123"/>
      <c r="K74" s="123"/>
      <c r="L74" s="121"/>
      <c r="M74" s="123"/>
      <c r="N74" s="123"/>
      <c r="O74" s="123"/>
      <c r="P74" s="123"/>
      <c r="Q74" s="123"/>
      <c r="R74" s="123"/>
      <c r="S74" s="123"/>
      <c r="T74" s="123"/>
      <c r="U74" s="123"/>
      <c r="V74" s="121"/>
      <c r="W74" s="121"/>
      <c r="X74" s="121"/>
      <c r="Y74" s="121"/>
      <c r="Z74" s="121"/>
      <c r="AA74" s="120"/>
    </row>
    <row r="75" spans="2:27" s="114" customFormat="1" ht="16.5" customHeight="1" x14ac:dyDescent="0.15">
      <c r="B75" s="119"/>
      <c r="C75" s="114" t="s">
        <v>272</v>
      </c>
      <c r="D75" s="123"/>
      <c r="E75" s="123"/>
      <c r="F75" s="123"/>
      <c r="G75" s="123"/>
      <c r="H75" s="123"/>
      <c r="I75" s="123"/>
      <c r="J75" s="123"/>
      <c r="K75" s="123"/>
      <c r="L75" s="121"/>
      <c r="M75" s="123"/>
      <c r="N75" s="123"/>
      <c r="O75" s="123"/>
      <c r="P75" s="123"/>
      <c r="Q75" s="123"/>
      <c r="R75" s="123"/>
      <c r="S75" s="123"/>
      <c r="T75" s="123"/>
      <c r="U75" s="123"/>
      <c r="V75" s="121"/>
      <c r="W75" s="121"/>
      <c r="X75" s="121"/>
      <c r="Y75" s="121"/>
      <c r="Z75" s="121"/>
      <c r="AA75" s="120"/>
    </row>
    <row r="76" spans="2:27" s="114" customFormat="1" ht="16.5" customHeight="1" x14ac:dyDescent="0.15">
      <c r="B76" s="119"/>
      <c r="C76" s="475" t="s">
        <v>265</v>
      </c>
      <c r="D76" s="476"/>
      <c r="E76" s="476"/>
      <c r="F76" s="477"/>
      <c r="G76" s="130" t="s">
        <v>273</v>
      </c>
      <c r="H76" s="131"/>
      <c r="I76" s="131"/>
      <c r="J76" s="131"/>
      <c r="K76" s="131"/>
      <c r="L76" s="131"/>
      <c r="M76" s="132"/>
      <c r="N76" s="130"/>
      <c r="O76" s="131"/>
      <c r="P76" s="131"/>
      <c r="Q76" s="131"/>
      <c r="R76" s="131"/>
      <c r="S76" s="131"/>
      <c r="T76" s="132"/>
      <c r="U76" s="123"/>
      <c r="V76" s="121"/>
      <c r="W76" s="121"/>
      <c r="X76" s="121"/>
      <c r="Y76" s="121"/>
      <c r="Z76" s="121"/>
      <c r="AA76" s="120"/>
    </row>
    <row r="77" spans="2:27" s="114" customFormat="1" ht="16.5" customHeight="1" x14ac:dyDescent="0.15">
      <c r="B77" s="119"/>
      <c r="C77" s="489" t="s">
        <v>274</v>
      </c>
      <c r="D77" s="490"/>
      <c r="E77" s="490"/>
      <c r="F77" s="491"/>
      <c r="G77" s="475"/>
      <c r="H77" s="476"/>
      <c r="I77" s="476"/>
      <c r="J77" s="476"/>
      <c r="K77" s="476"/>
      <c r="L77" s="476"/>
      <c r="M77" s="476"/>
      <c r="N77" s="476"/>
      <c r="O77" s="476"/>
      <c r="P77" s="476"/>
      <c r="Q77" s="476"/>
      <c r="R77" s="476"/>
      <c r="S77" s="476"/>
      <c r="T77" s="477"/>
      <c r="U77" s="123"/>
      <c r="V77" s="121"/>
      <c r="W77" s="121"/>
      <c r="X77" s="121"/>
      <c r="Y77" s="121"/>
      <c r="Z77" s="121"/>
      <c r="AA77" s="120"/>
    </row>
    <row r="78" spans="2:27" s="114" customFormat="1" ht="16.5" customHeight="1" x14ac:dyDescent="0.15">
      <c r="B78" s="119"/>
      <c r="C78" s="492" t="s">
        <v>275</v>
      </c>
      <c r="D78" s="492"/>
      <c r="E78" s="492"/>
      <c r="F78" s="492"/>
      <c r="G78" s="492"/>
      <c r="H78" s="492"/>
      <c r="I78" s="492"/>
      <c r="J78" s="492"/>
      <c r="K78" s="492"/>
      <c r="L78" s="492"/>
      <c r="M78" s="492"/>
      <c r="N78" s="492"/>
      <c r="O78" s="492"/>
      <c r="P78" s="492"/>
      <c r="Q78" s="492"/>
      <c r="R78" s="492"/>
      <c r="S78" s="492"/>
      <c r="T78" s="492"/>
      <c r="U78" s="492"/>
      <c r="V78" s="492"/>
      <c r="W78" s="492"/>
      <c r="X78" s="492"/>
      <c r="Y78" s="492"/>
      <c r="Z78" s="492"/>
      <c r="AA78" s="120"/>
    </row>
    <row r="79" spans="2:27" s="114" customFormat="1" ht="6" customHeight="1" x14ac:dyDescent="0.15">
      <c r="B79" s="119"/>
      <c r="C79" s="123"/>
      <c r="D79" s="123"/>
      <c r="E79" s="123"/>
      <c r="F79" s="123"/>
      <c r="G79" s="123"/>
      <c r="H79" s="123"/>
      <c r="I79" s="123"/>
      <c r="J79" s="123"/>
      <c r="K79" s="123"/>
      <c r="L79" s="121"/>
      <c r="M79" s="123"/>
      <c r="N79" s="123"/>
      <c r="O79" s="123"/>
      <c r="P79" s="123"/>
      <c r="Q79" s="123"/>
      <c r="R79" s="123"/>
      <c r="S79" s="123"/>
      <c r="T79" s="123"/>
      <c r="U79" s="123"/>
      <c r="V79" s="121"/>
      <c r="W79" s="121"/>
      <c r="X79" s="121"/>
      <c r="Y79" s="121"/>
      <c r="Z79" s="121"/>
      <c r="AA79" s="120"/>
    </row>
    <row r="80" spans="2:27" s="114" customFormat="1" ht="18.75" customHeight="1" x14ac:dyDescent="0.15">
      <c r="B80" s="119"/>
      <c r="C80" s="114" t="s">
        <v>276</v>
      </c>
      <c r="AA80" s="120"/>
    </row>
    <row r="81" spans="2:27" s="114" customFormat="1" ht="19.5" customHeight="1" x14ac:dyDescent="0.15">
      <c r="B81" s="119"/>
      <c r="C81" s="474" t="s">
        <v>234</v>
      </c>
      <c r="D81" s="474"/>
      <c r="E81" s="474"/>
      <c r="F81" s="474"/>
      <c r="G81" s="475" t="s">
        <v>251</v>
      </c>
      <c r="H81" s="476"/>
      <c r="I81" s="476"/>
      <c r="J81" s="476"/>
      <c r="K81" s="477"/>
      <c r="M81" s="474" t="s">
        <v>236</v>
      </c>
      <c r="N81" s="474"/>
      <c r="O81" s="474"/>
      <c r="P81" s="474"/>
      <c r="Q81" s="475" t="s">
        <v>251</v>
      </c>
      <c r="R81" s="476"/>
      <c r="S81" s="476"/>
      <c r="T81" s="476"/>
      <c r="U81" s="477"/>
      <c r="Y81" s="122"/>
      <c r="Z81" s="122"/>
      <c r="AA81" s="120"/>
    </row>
    <row r="82" spans="2:27" s="114" customFormat="1" ht="5.25" customHeight="1" x14ac:dyDescent="0.15">
      <c r="B82" s="119"/>
      <c r="AA82" s="120"/>
    </row>
    <row r="83" spans="2:27" s="114" customFormat="1" ht="19.5" customHeight="1" x14ac:dyDescent="0.15">
      <c r="B83" s="119"/>
      <c r="C83" s="114" t="s">
        <v>277</v>
      </c>
      <c r="D83" s="123"/>
      <c r="E83" s="123"/>
      <c r="F83" s="123"/>
      <c r="G83" s="123"/>
      <c r="H83" s="123"/>
      <c r="I83" s="123"/>
      <c r="J83" s="123"/>
      <c r="K83" s="123"/>
      <c r="L83" s="123"/>
      <c r="M83" s="123"/>
      <c r="N83" s="123"/>
      <c r="O83" s="123"/>
      <c r="Y83" s="122"/>
      <c r="Z83" s="122"/>
      <c r="AA83" s="120"/>
    </row>
    <row r="84" spans="2:27" s="114" customFormat="1" ht="19.5" customHeight="1" x14ac:dyDescent="0.15">
      <c r="B84" s="119"/>
      <c r="C84" s="474" t="s">
        <v>253</v>
      </c>
      <c r="D84" s="474"/>
      <c r="E84" s="474"/>
      <c r="F84" s="474"/>
      <c r="G84" s="474" t="s">
        <v>278</v>
      </c>
      <c r="H84" s="474"/>
      <c r="I84" s="474"/>
      <c r="J84" s="474"/>
      <c r="K84" s="474"/>
      <c r="L84" s="474" t="s">
        <v>279</v>
      </c>
      <c r="M84" s="474"/>
      <c r="N84" s="474"/>
      <c r="O84" s="474"/>
      <c r="P84" s="474"/>
      <c r="Q84" s="474" t="s">
        <v>280</v>
      </c>
      <c r="R84" s="474"/>
      <c r="S84" s="474"/>
      <c r="T84" s="474"/>
      <c r="U84" s="474"/>
      <c r="V84" s="474" t="s">
        <v>281</v>
      </c>
      <c r="W84" s="474"/>
      <c r="X84" s="474"/>
      <c r="Y84" s="474"/>
      <c r="Z84" s="474"/>
      <c r="AA84" s="120"/>
    </row>
    <row r="85" spans="2:27" s="114" customFormat="1" ht="19.5" customHeight="1" x14ac:dyDescent="0.15">
      <c r="B85" s="119"/>
      <c r="C85" s="475" t="s">
        <v>258</v>
      </c>
      <c r="D85" s="476"/>
      <c r="E85" s="476"/>
      <c r="F85" s="477"/>
      <c r="G85" s="475"/>
      <c r="H85" s="476"/>
      <c r="I85" s="476"/>
      <c r="J85" s="476"/>
      <c r="K85" s="477"/>
      <c r="L85" s="475"/>
      <c r="M85" s="476"/>
      <c r="N85" s="476"/>
      <c r="O85" s="476"/>
      <c r="P85" s="477"/>
      <c r="Q85" s="475"/>
      <c r="R85" s="476"/>
      <c r="S85" s="476"/>
      <c r="T85" s="476"/>
      <c r="U85" s="477"/>
      <c r="V85" s="475"/>
      <c r="W85" s="476"/>
      <c r="X85" s="476"/>
      <c r="Y85" s="476"/>
      <c r="Z85" s="477"/>
      <c r="AA85" s="120"/>
    </row>
    <row r="86" spans="2:27" s="114" customFormat="1" ht="5.25" customHeight="1" x14ac:dyDescent="0.15">
      <c r="B86" s="119"/>
      <c r="AA86" s="120"/>
    </row>
    <row r="87" spans="2:27" s="114" customFormat="1" ht="19.5" customHeight="1" x14ac:dyDescent="0.15">
      <c r="B87" s="119"/>
      <c r="C87" s="114" t="s">
        <v>282</v>
      </c>
      <c r="D87" s="123"/>
      <c r="E87" s="123"/>
      <c r="F87" s="123"/>
      <c r="G87" s="123"/>
      <c r="H87" s="123"/>
      <c r="I87" s="123"/>
      <c r="J87" s="123"/>
      <c r="K87" s="123"/>
      <c r="L87" s="123"/>
      <c r="M87" s="123"/>
      <c r="N87" s="123"/>
      <c r="O87" s="123"/>
      <c r="Y87" s="122"/>
      <c r="Z87" s="122"/>
      <c r="AA87" s="120"/>
    </row>
    <row r="88" spans="2:27" s="114" customFormat="1" ht="19.5" customHeight="1" x14ac:dyDescent="0.15">
      <c r="B88" s="119"/>
      <c r="C88" s="474" t="s">
        <v>253</v>
      </c>
      <c r="D88" s="474"/>
      <c r="E88" s="474"/>
      <c r="F88" s="474"/>
      <c r="G88" s="474" t="s">
        <v>278</v>
      </c>
      <c r="H88" s="474"/>
      <c r="I88" s="474"/>
      <c r="J88" s="474"/>
      <c r="K88" s="474"/>
      <c r="L88" s="474" t="s">
        <v>279</v>
      </c>
      <c r="M88" s="474"/>
      <c r="N88" s="474"/>
      <c r="O88" s="474"/>
      <c r="P88" s="474"/>
      <c r="Q88" s="474" t="s">
        <v>280</v>
      </c>
      <c r="R88" s="474"/>
      <c r="S88" s="474"/>
      <c r="T88" s="474"/>
      <c r="U88" s="474"/>
      <c r="V88" s="474" t="s">
        <v>281</v>
      </c>
      <c r="W88" s="474"/>
      <c r="X88" s="474"/>
      <c r="Y88" s="474"/>
      <c r="Z88" s="474"/>
      <c r="AA88" s="120"/>
    </row>
    <row r="89" spans="2:27" s="114" customFormat="1" ht="19.5" customHeight="1" x14ac:dyDescent="0.15">
      <c r="B89" s="119"/>
      <c r="C89" s="475" t="s">
        <v>258</v>
      </c>
      <c r="D89" s="476"/>
      <c r="E89" s="476"/>
      <c r="F89" s="477"/>
      <c r="G89" s="475"/>
      <c r="H89" s="476"/>
      <c r="I89" s="476"/>
      <c r="J89" s="476"/>
      <c r="K89" s="477"/>
      <c r="L89" s="475"/>
      <c r="M89" s="476"/>
      <c r="N89" s="476"/>
      <c r="O89" s="476"/>
      <c r="P89" s="477"/>
      <c r="Q89" s="475"/>
      <c r="R89" s="476"/>
      <c r="S89" s="476"/>
      <c r="T89" s="476"/>
      <c r="U89" s="477"/>
      <c r="V89" s="475"/>
      <c r="W89" s="476"/>
      <c r="X89" s="476"/>
      <c r="Y89" s="476"/>
      <c r="Z89" s="477"/>
      <c r="AA89" s="120"/>
    </row>
    <row r="90" spans="2:27" s="114" customFormat="1" ht="16.5" customHeight="1" x14ac:dyDescent="0.15">
      <c r="B90" s="119"/>
      <c r="C90" s="123"/>
      <c r="D90" s="133" t="s">
        <v>283</v>
      </c>
      <c r="E90" s="134"/>
      <c r="F90" s="134"/>
      <c r="G90" s="134"/>
      <c r="H90" s="134"/>
      <c r="I90" s="134"/>
      <c r="J90" s="134"/>
      <c r="K90" s="134"/>
      <c r="L90" s="134"/>
      <c r="M90" s="134"/>
      <c r="N90" s="134"/>
      <c r="O90" s="134"/>
      <c r="P90" s="134"/>
      <c r="Q90" s="134"/>
      <c r="R90" s="134"/>
      <c r="S90" s="134"/>
      <c r="T90" s="134"/>
      <c r="U90" s="135"/>
      <c r="V90" s="123"/>
      <c r="W90" s="123"/>
      <c r="X90" s="123"/>
      <c r="Y90" s="123"/>
      <c r="Z90" s="123"/>
      <c r="AA90" s="120"/>
    </row>
    <row r="91" spans="2:27" ht="6" customHeight="1" x14ac:dyDescent="0.15">
      <c r="B91" s="136"/>
      <c r="C91" s="137"/>
      <c r="D91" s="137"/>
      <c r="E91" s="137"/>
      <c r="F91" s="137"/>
      <c r="G91" s="137"/>
      <c r="H91" s="137"/>
      <c r="I91" s="137"/>
      <c r="J91" s="137"/>
      <c r="K91" s="137"/>
      <c r="L91" s="137"/>
      <c r="M91" s="137"/>
      <c r="N91" s="137"/>
      <c r="O91" s="137"/>
      <c r="P91" s="137"/>
      <c r="Q91" s="137"/>
      <c r="R91" s="137"/>
      <c r="S91" s="137"/>
      <c r="T91" s="137"/>
      <c r="U91" s="137"/>
      <c r="V91" s="137"/>
      <c r="W91" s="137"/>
      <c r="X91" s="137"/>
      <c r="Y91" s="137"/>
      <c r="Z91" s="137"/>
      <c r="AA91" s="138"/>
    </row>
    <row r="92" spans="2:27" s="114" customFormat="1" ht="19.5" customHeight="1" x14ac:dyDescent="0.15">
      <c r="B92" s="119"/>
      <c r="C92" s="114" t="s">
        <v>284</v>
      </c>
      <c r="D92" s="123"/>
      <c r="E92" s="123"/>
      <c r="F92" s="123"/>
      <c r="G92" s="123"/>
      <c r="H92" s="123"/>
      <c r="I92" s="123"/>
      <c r="J92" s="123"/>
      <c r="K92" s="123"/>
      <c r="L92" s="123"/>
      <c r="M92" s="123"/>
      <c r="N92" s="123"/>
      <c r="O92" s="123"/>
      <c r="Y92" s="122"/>
      <c r="Z92" s="122"/>
      <c r="AA92" s="120"/>
    </row>
    <row r="93" spans="2:27" s="114" customFormat="1" ht="19.5" customHeight="1" x14ac:dyDescent="0.15">
      <c r="B93" s="119"/>
      <c r="C93" s="474" t="s">
        <v>253</v>
      </c>
      <c r="D93" s="474"/>
      <c r="E93" s="474"/>
      <c r="F93" s="474"/>
      <c r="G93" s="499" t="s">
        <v>285</v>
      </c>
      <c r="H93" s="499"/>
      <c r="I93" s="499"/>
      <c r="J93" s="499"/>
      <c r="K93" s="499"/>
      <c r="L93" s="474" t="s">
        <v>286</v>
      </c>
      <c r="M93" s="474"/>
      <c r="N93" s="474"/>
      <c r="O93" s="474"/>
      <c r="P93" s="474"/>
      <c r="Q93" s="474" t="s">
        <v>287</v>
      </c>
      <c r="R93" s="474"/>
      <c r="S93" s="474"/>
      <c r="T93" s="474"/>
      <c r="U93" s="474"/>
      <c r="V93" s="121"/>
      <c r="W93" s="121"/>
      <c r="X93" s="121"/>
      <c r="Y93" s="121"/>
      <c r="Z93" s="121"/>
      <c r="AA93" s="120"/>
    </row>
    <row r="94" spans="2:27" s="143" customFormat="1" ht="18" customHeight="1" x14ac:dyDescent="0.15">
      <c r="B94" s="140"/>
      <c r="C94" s="500" t="s">
        <v>288</v>
      </c>
      <c r="D94" s="501"/>
      <c r="E94" s="501"/>
      <c r="F94" s="502"/>
      <c r="G94" s="496" t="s">
        <v>210</v>
      </c>
      <c r="H94" s="497"/>
      <c r="I94" s="497"/>
      <c r="J94" s="497"/>
      <c r="K94" s="498"/>
      <c r="L94" s="496" t="s">
        <v>210</v>
      </c>
      <c r="M94" s="497"/>
      <c r="N94" s="497"/>
      <c r="O94" s="497"/>
      <c r="P94" s="498"/>
      <c r="Q94" s="496" t="s">
        <v>210</v>
      </c>
      <c r="R94" s="497"/>
      <c r="S94" s="497"/>
      <c r="T94" s="497"/>
      <c r="U94" s="498"/>
      <c r="V94" s="141"/>
      <c r="W94" s="141"/>
      <c r="X94" s="141"/>
      <c r="Y94" s="141"/>
      <c r="Z94" s="141"/>
      <c r="AA94" s="142"/>
    </row>
    <row r="95" spans="2:27" s="114" customFormat="1" ht="17.25" customHeight="1" x14ac:dyDescent="0.15">
      <c r="B95" s="119"/>
      <c r="C95" s="493" t="s">
        <v>289</v>
      </c>
      <c r="D95" s="494"/>
      <c r="E95" s="494"/>
      <c r="F95" s="495"/>
      <c r="G95" s="496" t="s">
        <v>210</v>
      </c>
      <c r="H95" s="497"/>
      <c r="I95" s="497"/>
      <c r="J95" s="497"/>
      <c r="K95" s="498"/>
      <c r="L95" s="496" t="s">
        <v>210</v>
      </c>
      <c r="M95" s="497"/>
      <c r="N95" s="497"/>
      <c r="O95" s="497"/>
      <c r="P95" s="498"/>
      <c r="Q95" s="496" t="s">
        <v>210</v>
      </c>
      <c r="R95" s="497"/>
      <c r="S95" s="497"/>
      <c r="T95" s="497"/>
      <c r="U95" s="498"/>
      <c r="V95" s="121"/>
      <c r="W95" s="121"/>
      <c r="X95" s="121"/>
      <c r="Y95" s="121"/>
      <c r="Z95" s="121"/>
      <c r="AA95" s="120"/>
    </row>
    <row r="96" spans="2:27" s="114" customFormat="1" ht="3.75" customHeight="1" x14ac:dyDescent="0.15">
      <c r="B96" s="119"/>
      <c r="C96" s="144"/>
      <c r="D96" s="144"/>
      <c r="E96" s="144"/>
      <c r="F96" s="144"/>
      <c r="G96" s="126"/>
      <c r="H96" s="126"/>
      <c r="I96" s="126"/>
      <c r="J96" s="126"/>
      <c r="K96" s="126"/>
      <c r="L96" s="126"/>
      <c r="M96" s="126"/>
      <c r="N96" s="126"/>
      <c r="O96" s="126"/>
      <c r="P96" s="126"/>
      <c r="Q96" s="126"/>
      <c r="R96" s="126"/>
      <c r="S96" s="126"/>
      <c r="T96" s="126"/>
      <c r="U96" s="126"/>
      <c r="V96" s="121"/>
      <c r="W96" s="121"/>
      <c r="X96" s="121"/>
      <c r="Y96" s="121"/>
      <c r="Z96" s="121"/>
      <c r="AA96" s="120"/>
    </row>
    <row r="97" spans="2:27" s="114" customFormat="1" ht="19.5" customHeight="1" x14ac:dyDescent="0.15">
      <c r="B97" s="119"/>
      <c r="C97" s="114" t="s">
        <v>290</v>
      </c>
      <c r="D97" s="123"/>
      <c r="E97" s="123"/>
      <c r="F97" s="123"/>
      <c r="G97" s="123"/>
      <c r="H97" s="123"/>
      <c r="I97" s="123"/>
      <c r="J97" s="123"/>
      <c r="K97" s="123"/>
      <c r="L97" s="123"/>
      <c r="M97" s="123"/>
      <c r="N97" s="123"/>
      <c r="O97" s="123"/>
      <c r="Y97" s="122"/>
      <c r="Z97" s="122"/>
      <c r="AA97" s="120"/>
    </row>
    <row r="98" spans="2:27" s="114" customFormat="1" ht="19.5" customHeight="1" x14ac:dyDescent="0.15">
      <c r="B98" s="119"/>
      <c r="C98" s="474" t="s">
        <v>253</v>
      </c>
      <c r="D98" s="474"/>
      <c r="E98" s="474"/>
      <c r="F98" s="474"/>
      <c r="G98" s="499" t="s">
        <v>285</v>
      </c>
      <c r="H98" s="499"/>
      <c r="I98" s="499"/>
      <c r="J98" s="499"/>
      <c r="K98" s="499"/>
      <c r="L98" s="474" t="s">
        <v>286</v>
      </c>
      <c r="M98" s="474"/>
      <c r="N98" s="474"/>
      <c r="O98" s="474"/>
      <c r="P98" s="474"/>
      <c r="Q98" s="474" t="s">
        <v>287</v>
      </c>
      <c r="R98" s="474"/>
      <c r="S98" s="474"/>
      <c r="T98" s="474"/>
      <c r="U98" s="474"/>
      <c r="V98" s="121"/>
      <c r="W98" s="121"/>
      <c r="X98" s="121"/>
      <c r="Y98" s="121"/>
      <c r="Z98" s="121"/>
      <c r="AA98" s="120"/>
    </row>
    <row r="99" spans="2:27" s="143" customFormat="1" ht="18" customHeight="1" x14ac:dyDescent="0.15">
      <c r="B99" s="140"/>
      <c r="C99" s="500" t="s">
        <v>288</v>
      </c>
      <c r="D99" s="501"/>
      <c r="E99" s="501"/>
      <c r="F99" s="502"/>
      <c r="G99" s="496" t="s">
        <v>210</v>
      </c>
      <c r="H99" s="497"/>
      <c r="I99" s="497"/>
      <c r="J99" s="497"/>
      <c r="K99" s="498"/>
      <c r="L99" s="496" t="s">
        <v>210</v>
      </c>
      <c r="M99" s="497"/>
      <c r="N99" s="497"/>
      <c r="O99" s="497"/>
      <c r="P99" s="498"/>
      <c r="Q99" s="496" t="s">
        <v>210</v>
      </c>
      <c r="R99" s="497"/>
      <c r="S99" s="497"/>
      <c r="T99" s="497"/>
      <c r="U99" s="498"/>
      <c r="V99" s="141"/>
      <c r="W99" s="141"/>
      <c r="X99" s="141"/>
      <c r="Y99" s="141"/>
      <c r="Z99" s="141"/>
      <c r="AA99" s="142"/>
    </row>
    <row r="100" spans="2:27" s="114" customFormat="1" ht="17.25" customHeight="1" x14ac:dyDescent="0.15">
      <c r="B100" s="119"/>
      <c r="C100" s="493" t="s">
        <v>289</v>
      </c>
      <c r="D100" s="494"/>
      <c r="E100" s="494"/>
      <c r="F100" s="495"/>
      <c r="G100" s="496" t="s">
        <v>210</v>
      </c>
      <c r="H100" s="497"/>
      <c r="I100" s="497"/>
      <c r="J100" s="497"/>
      <c r="K100" s="498"/>
      <c r="L100" s="496" t="s">
        <v>210</v>
      </c>
      <c r="M100" s="497"/>
      <c r="N100" s="497"/>
      <c r="O100" s="497"/>
      <c r="P100" s="498"/>
      <c r="Q100" s="496" t="s">
        <v>210</v>
      </c>
      <c r="R100" s="497"/>
      <c r="S100" s="497"/>
      <c r="T100" s="497"/>
      <c r="U100" s="498"/>
      <c r="V100" s="121"/>
      <c r="W100" s="121"/>
      <c r="X100" s="121"/>
      <c r="Y100" s="121"/>
      <c r="Z100" s="121"/>
      <c r="AA100" s="120"/>
    </row>
    <row r="101" spans="2:27" s="114" customFormat="1" ht="3.75" customHeight="1" x14ac:dyDescent="0.15">
      <c r="B101" s="119"/>
      <c r="C101" s="144"/>
      <c r="D101" s="144"/>
      <c r="E101" s="144"/>
      <c r="F101" s="144"/>
      <c r="G101" s="126"/>
      <c r="H101" s="126"/>
      <c r="I101" s="126"/>
      <c r="J101" s="126"/>
      <c r="K101" s="126"/>
      <c r="L101" s="126"/>
      <c r="M101" s="126"/>
      <c r="N101" s="126"/>
      <c r="O101" s="126"/>
      <c r="P101" s="126"/>
      <c r="Q101" s="126"/>
      <c r="R101" s="126"/>
      <c r="S101" s="126"/>
      <c r="T101" s="126"/>
      <c r="U101" s="126"/>
      <c r="V101" s="121"/>
      <c r="W101" s="121"/>
      <c r="X101" s="121"/>
      <c r="Y101" s="121"/>
      <c r="Z101" s="121"/>
      <c r="AA101" s="120"/>
    </row>
    <row r="102" spans="2:27" s="114" customFormat="1" ht="16.5" customHeight="1" x14ac:dyDescent="0.15">
      <c r="B102" s="119"/>
      <c r="C102" s="123"/>
      <c r="D102" s="127" t="s">
        <v>283</v>
      </c>
      <c r="E102" s="124"/>
      <c r="F102" s="124"/>
      <c r="G102" s="124"/>
      <c r="H102" s="124"/>
      <c r="I102" s="124"/>
      <c r="J102" s="124"/>
      <c r="K102" s="124"/>
      <c r="L102" s="124"/>
      <c r="M102" s="124"/>
      <c r="N102" s="124"/>
      <c r="O102" s="124"/>
      <c r="P102" s="124"/>
      <c r="Q102" s="124"/>
      <c r="R102" s="124"/>
      <c r="S102" s="124"/>
      <c r="T102" s="124"/>
      <c r="U102" s="125"/>
      <c r="V102" s="123"/>
      <c r="W102" s="123"/>
      <c r="X102" s="123"/>
      <c r="Y102" s="123"/>
      <c r="Z102" s="123"/>
      <c r="AA102" s="120"/>
    </row>
    <row r="103" spans="2:27" ht="6" customHeight="1" x14ac:dyDescent="0.15">
      <c r="B103" s="145"/>
      <c r="C103" s="146"/>
      <c r="D103" s="146"/>
      <c r="E103" s="146"/>
      <c r="F103" s="146"/>
      <c r="G103" s="146"/>
      <c r="H103" s="146"/>
      <c r="I103" s="146"/>
      <c r="J103" s="146"/>
      <c r="K103" s="146"/>
      <c r="L103" s="146"/>
      <c r="M103" s="146"/>
      <c r="N103" s="146"/>
      <c r="O103" s="146"/>
      <c r="P103" s="146"/>
      <c r="Q103" s="146"/>
      <c r="R103" s="146"/>
      <c r="S103" s="146"/>
      <c r="T103" s="146"/>
      <c r="U103" s="146"/>
      <c r="V103" s="146"/>
      <c r="W103" s="146"/>
      <c r="X103" s="146"/>
      <c r="Y103" s="146"/>
      <c r="Z103" s="146"/>
      <c r="AA103" s="147"/>
    </row>
    <row r="104" spans="2:27" s="114" customFormat="1" ht="7.5" customHeight="1" x14ac:dyDescent="0.15"/>
    <row r="105" spans="2:27" ht="22.9" customHeight="1" x14ac:dyDescent="0.15">
      <c r="B105" s="503" t="s">
        <v>291</v>
      </c>
      <c r="C105" s="503"/>
      <c r="D105" s="503"/>
      <c r="E105" s="503"/>
      <c r="F105" s="503"/>
      <c r="G105" s="503"/>
      <c r="H105" s="503"/>
      <c r="I105" s="503"/>
      <c r="J105" s="503"/>
      <c r="K105" s="503"/>
      <c r="L105" s="503"/>
      <c r="M105" s="503"/>
      <c r="N105" s="503"/>
      <c r="O105" s="503"/>
      <c r="P105" s="503"/>
      <c r="Q105" s="503"/>
      <c r="R105" s="503"/>
      <c r="S105" s="503"/>
      <c r="T105" s="503"/>
      <c r="U105" s="503"/>
      <c r="V105" s="503"/>
      <c r="W105" s="503"/>
      <c r="X105" s="503"/>
      <c r="Y105" s="503"/>
      <c r="Z105" s="503"/>
    </row>
    <row r="106" spans="2:27" ht="15.75" customHeight="1" x14ac:dyDescent="0.15">
      <c r="B106" s="143" t="s">
        <v>292</v>
      </c>
      <c r="D106" s="148"/>
    </row>
    <row r="107" spans="2:27" ht="8.25" customHeight="1" x14ac:dyDescent="0.15">
      <c r="B107" s="149"/>
      <c r="D107" s="148"/>
    </row>
    <row r="108" spans="2:27" x14ac:dyDescent="0.15">
      <c r="B108" s="149"/>
      <c r="D108" s="148"/>
    </row>
    <row r="109" spans="2:27" x14ac:dyDescent="0.15">
      <c r="B109" s="149"/>
      <c r="D109" s="148"/>
    </row>
  </sheetData>
  <mergeCells count="145">
    <mergeCell ref="B105:Z105"/>
    <mergeCell ref="C99:F99"/>
    <mergeCell ref="G99:K99"/>
    <mergeCell ref="L99:P99"/>
    <mergeCell ref="Q99:U99"/>
    <mergeCell ref="C100:F100"/>
    <mergeCell ref="G100:K100"/>
    <mergeCell ref="L100:P100"/>
    <mergeCell ref="Q100:U100"/>
    <mergeCell ref="C95:F95"/>
    <mergeCell ref="G95:K95"/>
    <mergeCell ref="L95:P95"/>
    <mergeCell ref="Q95:U95"/>
    <mergeCell ref="C98:F98"/>
    <mergeCell ref="G98:K98"/>
    <mergeCell ref="L98:P98"/>
    <mergeCell ref="Q98:U98"/>
    <mergeCell ref="C93:F93"/>
    <mergeCell ref="G93:K93"/>
    <mergeCell ref="L93:P93"/>
    <mergeCell ref="Q93:U93"/>
    <mergeCell ref="C94:F94"/>
    <mergeCell ref="G94:K94"/>
    <mergeCell ref="L94:P94"/>
    <mergeCell ref="Q94:U94"/>
    <mergeCell ref="C88:F88"/>
    <mergeCell ref="G88:K88"/>
    <mergeCell ref="L88:P88"/>
    <mergeCell ref="Q88:U88"/>
    <mergeCell ref="V88:Z88"/>
    <mergeCell ref="C89:F89"/>
    <mergeCell ref="G89:K89"/>
    <mergeCell ref="L89:P89"/>
    <mergeCell ref="Q89:U89"/>
    <mergeCell ref="V89:Z89"/>
    <mergeCell ref="C84:F84"/>
    <mergeCell ref="G84:K84"/>
    <mergeCell ref="L84:P84"/>
    <mergeCell ref="Q84:U84"/>
    <mergeCell ref="V84:Z84"/>
    <mergeCell ref="C85:F85"/>
    <mergeCell ref="G85:K85"/>
    <mergeCell ref="L85:P85"/>
    <mergeCell ref="Q85:U85"/>
    <mergeCell ref="V85:Z85"/>
    <mergeCell ref="C76:F76"/>
    <mergeCell ref="C77:F77"/>
    <mergeCell ref="G77:T77"/>
    <mergeCell ref="C78:Z78"/>
    <mergeCell ref="C81:F81"/>
    <mergeCell ref="G81:K81"/>
    <mergeCell ref="M81:P81"/>
    <mergeCell ref="Q81:U81"/>
    <mergeCell ref="C68:F68"/>
    <mergeCell ref="G68:K68"/>
    <mergeCell ref="L68:P68"/>
    <mergeCell ref="C69:F69"/>
    <mergeCell ref="G69:K69"/>
    <mergeCell ref="L69:P69"/>
    <mergeCell ref="C55:Z56"/>
    <mergeCell ref="C59:Z60"/>
    <mergeCell ref="C65:F65"/>
    <mergeCell ref="G65:K65"/>
    <mergeCell ref="L65:P65"/>
    <mergeCell ref="C66:F66"/>
    <mergeCell ref="G66:K66"/>
    <mergeCell ref="L66:P66"/>
    <mergeCell ref="C49:F49"/>
    <mergeCell ref="G49:K49"/>
    <mergeCell ref="L49:P49"/>
    <mergeCell ref="Q49:U49"/>
    <mergeCell ref="V49:Z49"/>
    <mergeCell ref="C50:F50"/>
    <mergeCell ref="G50:K50"/>
    <mergeCell ref="L50:P50"/>
    <mergeCell ref="Q50:U50"/>
    <mergeCell ref="V50:Z50"/>
    <mergeCell ref="V45:Z45"/>
    <mergeCell ref="C46:F46"/>
    <mergeCell ref="G46:K46"/>
    <mergeCell ref="L46:P46"/>
    <mergeCell ref="Q46:U46"/>
    <mergeCell ref="V46:Z46"/>
    <mergeCell ref="D39:S39"/>
    <mergeCell ref="C42:F42"/>
    <mergeCell ref="G42:K42"/>
    <mergeCell ref="M42:P42"/>
    <mergeCell ref="Q42:U42"/>
    <mergeCell ref="C45:F45"/>
    <mergeCell ref="G45:K45"/>
    <mergeCell ref="L45:P45"/>
    <mergeCell ref="Q45:U45"/>
    <mergeCell ref="C35:F35"/>
    <mergeCell ref="G35:K35"/>
    <mergeCell ref="L35:P35"/>
    <mergeCell ref="Q35:U35"/>
    <mergeCell ref="V35:Z35"/>
    <mergeCell ref="L37:P37"/>
    <mergeCell ref="L31:P31"/>
    <mergeCell ref="C34:F34"/>
    <mergeCell ref="G34:K34"/>
    <mergeCell ref="L34:P34"/>
    <mergeCell ref="Q34:U34"/>
    <mergeCell ref="V34:Z34"/>
    <mergeCell ref="C28:F28"/>
    <mergeCell ref="G28:K28"/>
    <mergeCell ref="L28:P28"/>
    <mergeCell ref="Q28:U28"/>
    <mergeCell ref="V28:Z28"/>
    <mergeCell ref="C29:F29"/>
    <mergeCell ref="G29:K29"/>
    <mergeCell ref="L29:P29"/>
    <mergeCell ref="Q29:U29"/>
    <mergeCell ref="V29:Z29"/>
    <mergeCell ref="C23:F23"/>
    <mergeCell ref="G23:K23"/>
    <mergeCell ref="L23:P23"/>
    <mergeCell ref="Q23:U23"/>
    <mergeCell ref="V23:Z23"/>
    <mergeCell ref="L25:P25"/>
    <mergeCell ref="L19:P19"/>
    <mergeCell ref="C22:F22"/>
    <mergeCell ref="G22:K22"/>
    <mergeCell ref="L22:P22"/>
    <mergeCell ref="Q22:U22"/>
    <mergeCell ref="V22:Z22"/>
    <mergeCell ref="C16:F16"/>
    <mergeCell ref="G16:K16"/>
    <mergeCell ref="L16:P16"/>
    <mergeCell ref="Q16:U16"/>
    <mergeCell ref="V16:Z16"/>
    <mergeCell ref="C17:F17"/>
    <mergeCell ref="G17:K17"/>
    <mergeCell ref="L17:P17"/>
    <mergeCell ref="Q17:U17"/>
    <mergeCell ref="V17:Z17"/>
    <mergeCell ref="B4:AB4"/>
    <mergeCell ref="B6:F6"/>
    <mergeCell ref="G6:AA6"/>
    <mergeCell ref="C10:F10"/>
    <mergeCell ref="G10:P10"/>
    <mergeCell ref="C13:F13"/>
    <mergeCell ref="G13:K13"/>
    <mergeCell ref="M13:P13"/>
    <mergeCell ref="Q13:U13"/>
  </mergeCells>
  <phoneticPr fontId="3"/>
  <pageMargins left="0.7" right="0.7" top="0.75" bottom="0.75" header="0.3" footer="0.3"/>
  <pageSetup paperSize="9" scale="92"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3</vt:i4>
      </vt:variant>
    </vt:vector>
  </HeadingPairs>
  <TitlesOfParts>
    <vt:vector size="27" baseType="lpstr">
      <vt:lpstr>添付書類一覧（看護小規模多機能型居宅介護）</vt:lpstr>
      <vt:lpstr>別紙5-2</vt:lpstr>
      <vt:lpstr>別紙７-a</vt:lpstr>
      <vt:lpstr>別紙14－5</vt:lpstr>
      <vt:lpstr>別紙16</vt:lpstr>
      <vt:lpstr>別紙17</vt:lpstr>
      <vt:lpstr>別紙18</vt:lpstr>
      <vt:lpstr>別紙28</vt:lpstr>
      <vt:lpstr>別紙28-2</vt:lpstr>
      <vt:lpstr>別紙41</vt:lpstr>
      <vt:lpstr>別紙42</vt:lpstr>
      <vt:lpstr>別紙44</vt:lpstr>
      <vt:lpstr>別紙45</vt:lpstr>
      <vt:lpstr>別紙49</vt:lpstr>
      <vt:lpstr>'別紙14－5'!Print_Area</vt:lpstr>
      <vt:lpstr>別紙16!Print_Area</vt:lpstr>
      <vt:lpstr>別紙17!Print_Area</vt:lpstr>
      <vt:lpstr>別紙18!Print_Area</vt:lpstr>
      <vt:lpstr>別紙28!Print_Area</vt:lpstr>
      <vt:lpstr>別紙41!Print_Area</vt:lpstr>
      <vt:lpstr>別紙42!Print_Area</vt:lpstr>
      <vt:lpstr>別紙44!Print_Area</vt:lpstr>
      <vt:lpstr>別紙45!Print_Area</vt:lpstr>
      <vt:lpstr>別紙49!Print_Area</vt:lpstr>
      <vt:lpstr>'別紙5-2'!Print_Area</vt:lpstr>
      <vt:lpstr>'別紙７-a'!Print_Area</vt:lpstr>
      <vt:lpstr>'添付書類一覧（看護小規模多機能型居宅介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45:45Z</dcterms:created>
  <dcterms:modified xsi:type="dcterms:W3CDTF">2024-03-23T04:15:43Z</dcterms:modified>
</cp:coreProperties>
</file>